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embedTrueTypeFonts="1">
  <p:sldMasterIdLst>
    <p:sldMasterId id="2147483648" r:id="rId9"/>
  </p:sldMasterIdLst>
  <p:notesMasterIdLst>
    <p:notesMasterId r:id="rId22"/>
  </p:notesMasterIdLst>
  <p:handoutMasterIdLst>
    <p:handoutMasterId r:id="rId23"/>
  </p:handoutMasterIdLst>
  <p:sldIdLst>
    <p:sldId id="261" r:id="rId10"/>
    <p:sldId id="270" r:id="rId11"/>
    <p:sldId id="262" r:id="rId12"/>
    <p:sldId id="265" r:id="rId13"/>
    <p:sldId id="271" r:id="rId14"/>
    <p:sldId id="277" r:id="rId15"/>
    <p:sldId id="276" r:id="rId16"/>
    <p:sldId id="273" r:id="rId17"/>
    <p:sldId id="274" r:id="rId18"/>
    <p:sldId id="275" r:id="rId19"/>
    <p:sldId id="269" r:id="rId20"/>
    <p:sldId id="260" r:id="rId21"/>
  </p:sldIdLst>
  <p:sldSz cx="12188825" cy="6858000"/>
  <p:notesSz cx="6797675" cy="9926638"/>
  <p:embeddedFontLst>
    <p:embeddedFont>
      <p:font typeface="AU Passata" panose="020B0503030502030804" pitchFamily="34" charset="77"/>
      <p:regular r:id="rId24"/>
      <p:bold r:id="rId25"/>
    </p:embeddedFont>
    <p:embeddedFont>
      <p:font typeface="AU Passata Light" panose="020B0303030902030804" pitchFamily="34" charset="77"/>
      <p:regular r:id="rId26"/>
      <p:bold r:id="rId27"/>
    </p:embeddedFont>
    <p:embeddedFont>
      <p:font typeface="AU Peto" pitchFamily="82" charset="77"/>
      <p:regular r:id="rId28"/>
      <p:bold r:id="rId29"/>
    </p:embeddedFont>
    <p:embeddedFont>
      <p:font typeface="Georgia" panose="02040502050405020303" pitchFamily="18" charset="0"/>
      <p:regular r:id="rId30"/>
      <p:bold r:id="rId31"/>
      <p:italic r:id="rId32"/>
      <p:boldItalic r:id="rId33"/>
    </p:embeddedFont>
  </p:embeddedFontLst>
  <p:defaultTextStyle>
    <a:defPPr>
      <a:defRPr lang="en-US"/>
    </a:defPPr>
    <a:lvl1pPr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1pPr>
    <a:lvl2pPr marL="60949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2pPr>
    <a:lvl3pPr marL="1218987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3pPr>
    <a:lvl4pPr marL="1828480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4pPr>
    <a:lvl5pPr marL="243797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5pPr>
    <a:lvl6pPr marL="304746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6pPr>
    <a:lvl7pPr marL="3656960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7pPr>
    <a:lvl8pPr marL="4266453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8pPr>
    <a:lvl9pPr marL="487594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7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01F7F"/>
    <a:srgbClr val="002546"/>
    <a:srgbClr val="000000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AA45223-550E-7B4F-A41F-5D5F7C699A42}" v="27" dt="2025-09-02T12:12:18.742"/>
    <p1510:client id="{33AF4C37-5EC6-B047-8E4A-C50DD7626021}" v="4" dt="2025-09-02T06:03:45.75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70" autoAdjust="0"/>
    <p:restoredTop sz="93469" autoAdjust="0"/>
  </p:normalViewPr>
  <p:slideViewPr>
    <p:cSldViewPr snapToObjects="1" showGuides="1">
      <p:cViewPr>
        <p:scale>
          <a:sx n="123" d="100"/>
          <a:sy n="123" d="100"/>
        </p:scale>
        <p:origin x="608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Objects="1">
      <p:cViewPr varScale="1">
        <p:scale>
          <a:sx n="87" d="100"/>
          <a:sy n="87" d="100"/>
        </p:scale>
        <p:origin x="3762" y="72"/>
      </p:cViewPr>
      <p:guideLst>
        <p:guide orient="horz" pos="3127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font" Target="fonts/font3.fntdata"/><Relationship Id="rId39" Type="http://schemas.microsoft.com/office/2015/10/relationships/revisionInfo" Target="revisionInfo.xml"/><Relationship Id="rId21" Type="http://schemas.openxmlformats.org/officeDocument/2006/relationships/slide" Target="slides/slide12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font" Target="fonts/font2.fntdata"/><Relationship Id="rId33" Type="http://schemas.openxmlformats.org/officeDocument/2006/relationships/font" Target="fonts/font10.fntdata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font" Target="fonts/font6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font" Target="fonts/font1.fntdata"/><Relationship Id="rId32" Type="http://schemas.openxmlformats.org/officeDocument/2006/relationships/font" Target="fonts/font9.fntdata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36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font" Target="fonts/font7.fntdata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Emma Femke Diepeveen" userId="2e688c13-4a66-4843-b4fb-ce9b4d6a572c" providerId="ADAL" clId="{531F5506-8B3C-59E3-9CFA-8C9DA621ABD1}"/>
    <pc:docChg chg="undo custSel addSld delSld modSld sldOrd">
      <pc:chgData name="Emma Femke Diepeveen" userId="2e688c13-4a66-4843-b4fb-ce9b4d6a572c" providerId="ADAL" clId="{531F5506-8B3C-59E3-9CFA-8C9DA621ABD1}" dt="2025-09-02T12:12:51.088" v="2663" actId="2696"/>
      <pc:docMkLst>
        <pc:docMk/>
      </pc:docMkLst>
      <pc:sldChg chg="del">
        <pc:chgData name="Emma Femke Diepeveen" userId="2e688c13-4a66-4843-b4fb-ce9b4d6a572c" providerId="ADAL" clId="{531F5506-8B3C-59E3-9CFA-8C9DA621ABD1}" dt="2025-09-02T12:12:51.088" v="2663" actId="2696"/>
        <pc:sldMkLst>
          <pc:docMk/>
          <pc:sldMk cId="1186159921" sldId="264"/>
        </pc:sldMkLst>
      </pc:sldChg>
      <pc:sldChg chg="del">
        <pc:chgData name="Emma Femke Diepeveen" userId="2e688c13-4a66-4843-b4fb-ce9b4d6a572c" providerId="ADAL" clId="{531F5506-8B3C-59E3-9CFA-8C9DA621ABD1}" dt="2025-09-02T10:51:21.179" v="3" actId="2696"/>
        <pc:sldMkLst>
          <pc:docMk/>
          <pc:sldMk cId="2653303594" sldId="266"/>
        </pc:sldMkLst>
      </pc:sldChg>
      <pc:sldChg chg="del">
        <pc:chgData name="Emma Femke Diepeveen" userId="2e688c13-4a66-4843-b4fb-ce9b4d6a572c" providerId="ADAL" clId="{531F5506-8B3C-59E3-9CFA-8C9DA621ABD1}" dt="2025-09-02T10:51:25.282" v="4" actId="2696"/>
        <pc:sldMkLst>
          <pc:docMk/>
          <pc:sldMk cId="231157884" sldId="267"/>
        </pc:sldMkLst>
      </pc:sldChg>
      <pc:sldChg chg="del">
        <pc:chgData name="Emma Femke Diepeveen" userId="2e688c13-4a66-4843-b4fb-ce9b4d6a572c" providerId="ADAL" clId="{531F5506-8B3C-59E3-9CFA-8C9DA621ABD1}" dt="2025-09-02T10:51:09.614" v="0" actId="2696"/>
        <pc:sldMkLst>
          <pc:docMk/>
          <pc:sldMk cId="1438988566" sldId="268"/>
        </pc:sldMkLst>
      </pc:sldChg>
      <pc:sldChg chg="modSp mod">
        <pc:chgData name="Emma Femke Diepeveen" userId="2e688c13-4a66-4843-b4fb-ce9b4d6a572c" providerId="ADAL" clId="{531F5506-8B3C-59E3-9CFA-8C9DA621ABD1}" dt="2025-09-02T11:55:36.793" v="2422" actId="20577"/>
        <pc:sldMkLst>
          <pc:docMk/>
          <pc:sldMk cId="2142056729" sldId="269"/>
        </pc:sldMkLst>
        <pc:spChg chg="mod">
          <ac:chgData name="Emma Femke Diepeveen" userId="2e688c13-4a66-4843-b4fb-ce9b4d6a572c" providerId="ADAL" clId="{531F5506-8B3C-59E3-9CFA-8C9DA621ABD1}" dt="2025-09-02T11:55:24.649" v="2363" actId="20577"/>
          <ac:spMkLst>
            <pc:docMk/>
            <pc:sldMk cId="2142056729" sldId="269"/>
            <ac:spMk id="2" creationId="{DF155112-AE24-3320-74CD-8E8ABD98AEF0}"/>
          </ac:spMkLst>
        </pc:spChg>
        <pc:spChg chg="mod">
          <ac:chgData name="Emma Femke Diepeveen" userId="2e688c13-4a66-4843-b4fb-ce9b4d6a572c" providerId="ADAL" clId="{531F5506-8B3C-59E3-9CFA-8C9DA621ABD1}" dt="2025-09-02T11:55:36.793" v="2422" actId="20577"/>
          <ac:spMkLst>
            <pc:docMk/>
            <pc:sldMk cId="2142056729" sldId="269"/>
            <ac:spMk id="3" creationId="{00CA32FD-B222-AF25-458C-B6CD73FA2A83}"/>
          </ac:spMkLst>
        </pc:spChg>
      </pc:sldChg>
      <pc:sldChg chg="add del">
        <pc:chgData name="Emma Femke Diepeveen" userId="2e688c13-4a66-4843-b4fb-ce9b4d6a572c" providerId="ADAL" clId="{531F5506-8B3C-59E3-9CFA-8C9DA621ABD1}" dt="2025-09-02T10:51:18.883" v="2" actId="2696"/>
        <pc:sldMkLst>
          <pc:docMk/>
          <pc:sldMk cId="743973959" sldId="272"/>
        </pc:sldMkLst>
      </pc:sldChg>
      <pc:sldChg chg="modSp new add del mod">
        <pc:chgData name="Emma Femke Diepeveen" userId="2e688c13-4a66-4843-b4fb-ce9b4d6a572c" providerId="ADAL" clId="{531F5506-8B3C-59E3-9CFA-8C9DA621ABD1}" dt="2025-09-02T12:12:42.810" v="2662" actId="2696"/>
        <pc:sldMkLst>
          <pc:docMk/>
          <pc:sldMk cId="3824965548" sldId="272"/>
        </pc:sldMkLst>
        <pc:spChg chg="mod">
          <ac:chgData name="Emma Femke Diepeveen" userId="2e688c13-4a66-4843-b4fb-ce9b4d6a572c" providerId="ADAL" clId="{531F5506-8B3C-59E3-9CFA-8C9DA621ABD1}" dt="2025-09-02T10:51:51.037" v="53" actId="20577"/>
          <ac:spMkLst>
            <pc:docMk/>
            <pc:sldMk cId="3824965548" sldId="272"/>
            <ac:spMk id="2" creationId="{544AF3AF-9414-A49E-9342-87E209D2C204}"/>
          </ac:spMkLst>
        </pc:spChg>
        <pc:spChg chg="mod">
          <ac:chgData name="Emma Femke Diepeveen" userId="2e688c13-4a66-4843-b4fb-ce9b4d6a572c" providerId="ADAL" clId="{531F5506-8B3C-59E3-9CFA-8C9DA621ABD1}" dt="2025-09-02T12:12:41.271" v="2661" actId="20577"/>
          <ac:spMkLst>
            <pc:docMk/>
            <pc:sldMk cId="3824965548" sldId="272"/>
            <ac:spMk id="3" creationId="{74AF30C7-79FD-1682-99A7-2E2F11185503}"/>
          </ac:spMkLst>
        </pc:spChg>
      </pc:sldChg>
      <pc:sldChg chg="addSp modSp new mod ord">
        <pc:chgData name="Emma Femke Diepeveen" userId="2e688c13-4a66-4843-b4fb-ce9b4d6a572c" providerId="ADAL" clId="{531F5506-8B3C-59E3-9CFA-8C9DA621ABD1}" dt="2025-09-02T12:05:08.826" v="2557" actId="1037"/>
        <pc:sldMkLst>
          <pc:docMk/>
          <pc:sldMk cId="1154934883" sldId="273"/>
        </pc:sldMkLst>
        <pc:spChg chg="mod">
          <ac:chgData name="Emma Femke Diepeveen" userId="2e688c13-4a66-4843-b4fb-ce9b4d6a572c" providerId="ADAL" clId="{531F5506-8B3C-59E3-9CFA-8C9DA621ABD1}" dt="2025-09-02T11:08:24.683" v="571" actId="20577"/>
          <ac:spMkLst>
            <pc:docMk/>
            <pc:sldMk cId="1154934883" sldId="273"/>
            <ac:spMk id="2" creationId="{76ED995D-7EE2-299F-7E4A-CE14978A7396}"/>
          </ac:spMkLst>
        </pc:spChg>
        <pc:spChg chg="mod">
          <ac:chgData name="Emma Femke Diepeveen" userId="2e688c13-4a66-4843-b4fb-ce9b4d6a572c" providerId="ADAL" clId="{531F5506-8B3C-59E3-9CFA-8C9DA621ABD1}" dt="2025-09-02T11:53:12.662" v="2205" actId="1076"/>
          <ac:spMkLst>
            <pc:docMk/>
            <pc:sldMk cId="1154934883" sldId="273"/>
            <ac:spMk id="3" creationId="{EF3FA455-E65C-A1CA-1ECA-F294E7FFF4BA}"/>
          </ac:spMkLst>
        </pc:spChg>
        <pc:spChg chg="add mod">
          <ac:chgData name="Emma Femke Diepeveen" userId="2e688c13-4a66-4843-b4fb-ce9b4d6a572c" providerId="ADAL" clId="{531F5506-8B3C-59E3-9CFA-8C9DA621ABD1}" dt="2025-09-02T12:04:49.091" v="2484" actId="1582"/>
          <ac:spMkLst>
            <pc:docMk/>
            <pc:sldMk cId="1154934883" sldId="273"/>
            <ac:spMk id="9" creationId="{3E559620-5683-C70D-DC03-DAA1F6552C52}"/>
          </ac:spMkLst>
        </pc:spChg>
        <pc:spChg chg="add mod">
          <ac:chgData name="Emma Femke Diepeveen" userId="2e688c13-4a66-4843-b4fb-ce9b4d6a572c" providerId="ADAL" clId="{531F5506-8B3C-59E3-9CFA-8C9DA621ABD1}" dt="2025-09-02T12:05:08.826" v="2557" actId="1037"/>
          <ac:spMkLst>
            <pc:docMk/>
            <pc:sldMk cId="1154934883" sldId="273"/>
            <ac:spMk id="10" creationId="{451DE35A-6F6A-CA55-7D78-1F7090FBA162}"/>
          </ac:spMkLst>
        </pc:spChg>
        <pc:picChg chg="add mod modCrop">
          <ac:chgData name="Emma Femke Diepeveen" userId="2e688c13-4a66-4843-b4fb-ce9b4d6a572c" providerId="ADAL" clId="{531F5506-8B3C-59E3-9CFA-8C9DA621ABD1}" dt="2025-09-02T12:03:38.906" v="2462" actId="1076"/>
          <ac:picMkLst>
            <pc:docMk/>
            <pc:sldMk cId="1154934883" sldId="273"/>
            <ac:picMk id="6" creationId="{ED14909E-CE97-539D-CE77-E3CBA6082474}"/>
          </ac:picMkLst>
        </pc:picChg>
        <pc:picChg chg="add mod modCrop">
          <ac:chgData name="Emma Femke Diepeveen" userId="2e688c13-4a66-4843-b4fb-ce9b4d6a572c" providerId="ADAL" clId="{531F5506-8B3C-59E3-9CFA-8C9DA621ABD1}" dt="2025-09-02T12:04:31.136" v="2480" actId="1076"/>
          <ac:picMkLst>
            <pc:docMk/>
            <pc:sldMk cId="1154934883" sldId="273"/>
            <ac:picMk id="7" creationId="{F3873882-C29C-4F81-4CA1-B5F71E00D87E}"/>
          </ac:picMkLst>
        </pc:picChg>
        <pc:picChg chg="add mod modCrop">
          <ac:chgData name="Emma Femke Diepeveen" userId="2e688c13-4a66-4843-b4fb-ce9b4d6a572c" providerId="ADAL" clId="{531F5506-8B3C-59E3-9CFA-8C9DA621ABD1}" dt="2025-09-02T12:04:29.726" v="2479" actId="1076"/>
          <ac:picMkLst>
            <pc:docMk/>
            <pc:sldMk cId="1154934883" sldId="273"/>
            <ac:picMk id="8" creationId="{9100DDDC-9122-C841-B473-7E3FA8AE8789}"/>
          </ac:picMkLst>
        </pc:picChg>
      </pc:sldChg>
      <pc:sldChg chg="addSp delSp modSp new mod ord">
        <pc:chgData name="Emma Femke Diepeveen" userId="2e688c13-4a66-4843-b4fb-ce9b4d6a572c" providerId="ADAL" clId="{531F5506-8B3C-59E3-9CFA-8C9DA621ABD1}" dt="2025-09-02T12:07:30.528" v="2591" actId="478"/>
        <pc:sldMkLst>
          <pc:docMk/>
          <pc:sldMk cId="621542826" sldId="274"/>
        </pc:sldMkLst>
        <pc:spChg chg="mod">
          <ac:chgData name="Emma Femke Diepeveen" userId="2e688c13-4a66-4843-b4fb-ce9b4d6a572c" providerId="ADAL" clId="{531F5506-8B3C-59E3-9CFA-8C9DA621ABD1}" dt="2025-09-02T11:18:38.079" v="951" actId="20577"/>
          <ac:spMkLst>
            <pc:docMk/>
            <pc:sldMk cId="621542826" sldId="274"/>
            <ac:spMk id="2" creationId="{9EAA4544-55D2-80C9-7979-473A03FA6E6E}"/>
          </ac:spMkLst>
        </pc:spChg>
        <pc:spChg chg="mod">
          <ac:chgData name="Emma Femke Diepeveen" userId="2e688c13-4a66-4843-b4fb-ce9b4d6a572c" providerId="ADAL" clId="{531F5506-8B3C-59E3-9CFA-8C9DA621ABD1}" dt="2025-09-02T12:06:33.039" v="2571" actId="20577"/>
          <ac:spMkLst>
            <pc:docMk/>
            <pc:sldMk cId="621542826" sldId="274"/>
            <ac:spMk id="3" creationId="{EAEE442A-45FD-32B9-CCDE-6EC2D44CE882}"/>
          </ac:spMkLst>
        </pc:spChg>
        <pc:spChg chg="add mod">
          <ac:chgData name="Emma Femke Diepeveen" userId="2e688c13-4a66-4843-b4fb-ce9b4d6a572c" providerId="ADAL" clId="{531F5506-8B3C-59E3-9CFA-8C9DA621ABD1}" dt="2025-09-02T12:06:54.330" v="2574" actId="14100"/>
          <ac:spMkLst>
            <pc:docMk/>
            <pc:sldMk cId="621542826" sldId="274"/>
            <ac:spMk id="7" creationId="{1379145E-1FA3-2F81-CF0B-7BBED4B6AA5E}"/>
          </ac:spMkLst>
        </pc:spChg>
        <pc:spChg chg="add mod">
          <ac:chgData name="Emma Femke Diepeveen" userId="2e688c13-4a66-4843-b4fb-ce9b4d6a572c" providerId="ADAL" clId="{531F5506-8B3C-59E3-9CFA-8C9DA621ABD1}" dt="2025-09-02T12:06:58.594" v="2576" actId="1076"/>
          <ac:spMkLst>
            <pc:docMk/>
            <pc:sldMk cId="621542826" sldId="274"/>
            <ac:spMk id="8" creationId="{0983E509-DCDF-715B-D741-738D432061D9}"/>
          </ac:spMkLst>
        </pc:spChg>
        <pc:spChg chg="add mod">
          <ac:chgData name="Emma Femke Diepeveen" userId="2e688c13-4a66-4843-b4fb-ce9b4d6a572c" providerId="ADAL" clId="{531F5506-8B3C-59E3-9CFA-8C9DA621ABD1}" dt="2025-09-02T12:07:03.188" v="2578" actId="1076"/>
          <ac:spMkLst>
            <pc:docMk/>
            <pc:sldMk cId="621542826" sldId="274"/>
            <ac:spMk id="9" creationId="{BF3D4CC6-11F8-6C25-A8FA-11A28329B07A}"/>
          </ac:spMkLst>
        </pc:spChg>
        <pc:spChg chg="add del mod">
          <ac:chgData name="Emma Femke Diepeveen" userId="2e688c13-4a66-4843-b4fb-ce9b4d6a572c" providerId="ADAL" clId="{531F5506-8B3C-59E3-9CFA-8C9DA621ABD1}" dt="2025-09-02T12:07:30.528" v="2591" actId="478"/>
          <ac:spMkLst>
            <pc:docMk/>
            <pc:sldMk cId="621542826" sldId="274"/>
            <ac:spMk id="10" creationId="{274E173D-152B-7C71-A7B1-55AAC3DF04CF}"/>
          </ac:spMkLst>
        </pc:spChg>
        <pc:picChg chg="add mod">
          <ac:chgData name="Emma Femke Diepeveen" userId="2e688c13-4a66-4843-b4fb-ce9b4d6a572c" providerId="ADAL" clId="{531F5506-8B3C-59E3-9CFA-8C9DA621ABD1}" dt="2025-09-02T12:07:11.876" v="2581" actId="1076"/>
          <ac:picMkLst>
            <pc:docMk/>
            <pc:sldMk cId="621542826" sldId="274"/>
            <ac:picMk id="6" creationId="{A947B86C-2D36-EA85-A0F6-C8DDEE95831F}"/>
          </ac:picMkLst>
        </pc:picChg>
      </pc:sldChg>
      <pc:sldChg chg="addSp delSp modSp new mod ord">
        <pc:chgData name="Emma Femke Diepeveen" userId="2e688c13-4a66-4843-b4fb-ce9b4d6a572c" providerId="ADAL" clId="{531F5506-8B3C-59E3-9CFA-8C9DA621ABD1}" dt="2025-09-02T12:12:18.742" v="2658"/>
        <pc:sldMkLst>
          <pc:docMk/>
          <pc:sldMk cId="3813738881" sldId="275"/>
        </pc:sldMkLst>
        <pc:spChg chg="mod">
          <ac:chgData name="Emma Femke Diepeveen" userId="2e688c13-4a66-4843-b4fb-ce9b4d6a572c" providerId="ADAL" clId="{531F5506-8B3C-59E3-9CFA-8C9DA621ABD1}" dt="2025-09-02T11:24:39.726" v="1290" actId="20577"/>
          <ac:spMkLst>
            <pc:docMk/>
            <pc:sldMk cId="3813738881" sldId="275"/>
            <ac:spMk id="2" creationId="{1C79EFEB-128B-75C8-F4DB-00D9C2EFFE9B}"/>
          </ac:spMkLst>
        </pc:spChg>
        <pc:spChg chg="mod">
          <ac:chgData name="Emma Femke Diepeveen" userId="2e688c13-4a66-4843-b4fb-ce9b4d6a572c" providerId="ADAL" clId="{531F5506-8B3C-59E3-9CFA-8C9DA621ABD1}" dt="2025-09-02T11:55:08.601" v="2330" actId="20577"/>
          <ac:spMkLst>
            <pc:docMk/>
            <pc:sldMk cId="3813738881" sldId="275"/>
            <ac:spMk id="3" creationId="{DB21A87B-43F7-A3EC-3047-4B1CD8EAC832}"/>
          </ac:spMkLst>
        </pc:spChg>
        <pc:grpChg chg="del mod">
          <ac:chgData name="Emma Femke Diepeveen" userId="2e688c13-4a66-4843-b4fb-ce9b4d6a572c" providerId="ADAL" clId="{531F5506-8B3C-59E3-9CFA-8C9DA621ABD1}" dt="2025-09-02T12:12:18.742" v="2658"/>
          <ac:grpSpMkLst>
            <pc:docMk/>
            <pc:sldMk cId="3813738881" sldId="275"/>
            <ac:grpSpMk id="9" creationId="{85E271DB-65B4-D2DA-5ECD-A142D1255EA4}"/>
          </ac:grpSpMkLst>
        </pc:grpChg>
        <pc:grpChg chg="mod">
          <ac:chgData name="Emma Femke Diepeveen" userId="2e688c13-4a66-4843-b4fb-ce9b4d6a572c" providerId="ADAL" clId="{531F5506-8B3C-59E3-9CFA-8C9DA621ABD1}" dt="2025-09-02T12:12:18.742" v="2658"/>
          <ac:grpSpMkLst>
            <pc:docMk/>
            <pc:sldMk cId="3813738881" sldId="275"/>
            <ac:grpSpMk id="10" creationId="{D777516B-9DCB-0A85-BEE1-40A94DCA7703}"/>
          </ac:grpSpMkLst>
        </pc:grpChg>
        <pc:graphicFrameChg chg="add mod modGraphic">
          <ac:chgData name="Emma Femke Diepeveen" userId="2e688c13-4a66-4843-b4fb-ce9b4d6a572c" providerId="ADAL" clId="{531F5506-8B3C-59E3-9CFA-8C9DA621ABD1}" dt="2025-09-02T12:11:55.495" v="2654" actId="207"/>
          <ac:graphicFrameMkLst>
            <pc:docMk/>
            <pc:sldMk cId="3813738881" sldId="275"/>
            <ac:graphicFrameMk id="5" creationId="{E1EB2596-795A-8714-1D95-DE17C87ED2A6}"/>
          </ac:graphicFrameMkLst>
        </pc:graphicFrameChg>
        <pc:inkChg chg="add mod">
          <ac:chgData name="Emma Femke Diepeveen" userId="2e688c13-4a66-4843-b4fb-ce9b4d6a572c" providerId="ADAL" clId="{531F5506-8B3C-59E3-9CFA-8C9DA621ABD1}" dt="2025-09-02T12:12:18.742" v="2658"/>
          <ac:inkMkLst>
            <pc:docMk/>
            <pc:sldMk cId="3813738881" sldId="275"/>
            <ac:inkMk id="6" creationId="{411048B2-E59D-D4F3-642D-4D5BD3B9BEB9}"/>
          </ac:inkMkLst>
        </pc:inkChg>
        <pc:inkChg chg="add mod">
          <ac:chgData name="Emma Femke Diepeveen" userId="2e688c13-4a66-4843-b4fb-ce9b4d6a572c" providerId="ADAL" clId="{531F5506-8B3C-59E3-9CFA-8C9DA621ABD1}" dt="2025-09-02T12:12:18.742" v="2658"/>
          <ac:inkMkLst>
            <pc:docMk/>
            <pc:sldMk cId="3813738881" sldId="275"/>
            <ac:inkMk id="7" creationId="{D565526C-AE27-7783-9F18-46C8093F9E24}"/>
          </ac:inkMkLst>
        </pc:inkChg>
        <pc:inkChg chg="add mod">
          <ac:chgData name="Emma Femke Diepeveen" userId="2e688c13-4a66-4843-b4fb-ce9b4d6a572c" providerId="ADAL" clId="{531F5506-8B3C-59E3-9CFA-8C9DA621ABD1}" dt="2025-09-02T12:12:18.742" v="2658"/>
          <ac:inkMkLst>
            <pc:docMk/>
            <pc:sldMk cId="3813738881" sldId="275"/>
            <ac:inkMk id="8" creationId="{423B1C16-1DE5-C4C9-F985-0DDCBF47BAAC}"/>
          </ac:inkMkLst>
        </pc:inkChg>
      </pc:sldChg>
      <pc:sldChg chg="addSp delSp modSp new mod">
        <pc:chgData name="Emma Femke Diepeveen" userId="2e688c13-4a66-4843-b4fb-ce9b4d6a572c" providerId="ADAL" clId="{531F5506-8B3C-59E3-9CFA-8C9DA621ABD1}" dt="2025-09-02T11:48:45.377" v="1997" actId="113"/>
        <pc:sldMkLst>
          <pc:docMk/>
          <pc:sldMk cId="957189266" sldId="276"/>
        </pc:sldMkLst>
        <pc:spChg chg="mod">
          <ac:chgData name="Emma Femke Diepeveen" userId="2e688c13-4a66-4843-b4fb-ce9b4d6a572c" providerId="ADAL" clId="{531F5506-8B3C-59E3-9CFA-8C9DA621ABD1}" dt="2025-09-02T11:37:47.136" v="1815" actId="20577"/>
          <ac:spMkLst>
            <pc:docMk/>
            <pc:sldMk cId="957189266" sldId="276"/>
            <ac:spMk id="2" creationId="{EBB6268B-58AA-2B1C-63DC-3610639843AC}"/>
          </ac:spMkLst>
        </pc:spChg>
        <pc:spChg chg="mod">
          <ac:chgData name="Emma Femke Diepeveen" userId="2e688c13-4a66-4843-b4fb-ce9b4d6a572c" providerId="ADAL" clId="{531F5506-8B3C-59E3-9CFA-8C9DA621ABD1}" dt="2025-09-02T11:37:33.760" v="1765" actId="122"/>
          <ac:spMkLst>
            <pc:docMk/>
            <pc:sldMk cId="957189266" sldId="276"/>
            <ac:spMk id="3" creationId="{F6E673CB-98B7-CF1F-9BB2-8E9265BE96D3}"/>
          </ac:spMkLst>
        </pc:spChg>
        <pc:spChg chg="add mod">
          <ac:chgData name="Emma Femke Diepeveen" userId="2e688c13-4a66-4843-b4fb-ce9b4d6a572c" providerId="ADAL" clId="{531F5506-8B3C-59E3-9CFA-8C9DA621ABD1}" dt="2025-09-02T11:48:45.377" v="1997" actId="113"/>
          <ac:spMkLst>
            <pc:docMk/>
            <pc:sldMk cId="957189266" sldId="276"/>
            <ac:spMk id="5" creationId="{AF0E805D-70BE-40FC-C5A0-FA68A5DC5D88}"/>
          </ac:spMkLst>
        </pc:spChg>
        <pc:spChg chg="add mod">
          <ac:chgData name="Emma Femke Diepeveen" userId="2e688c13-4a66-4843-b4fb-ce9b4d6a572c" providerId="ADAL" clId="{531F5506-8B3C-59E3-9CFA-8C9DA621ABD1}" dt="2025-09-02T11:37:33.760" v="1765" actId="122"/>
          <ac:spMkLst>
            <pc:docMk/>
            <pc:sldMk cId="957189266" sldId="276"/>
            <ac:spMk id="6" creationId="{3F52493F-02A6-3133-AB79-F4605EF7D58D}"/>
          </ac:spMkLst>
        </pc:spChg>
        <pc:spChg chg="add mod">
          <ac:chgData name="Emma Femke Diepeveen" userId="2e688c13-4a66-4843-b4fb-ce9b4d6a572c" providerId="ADAL" clId="{531F5506-8B3C-59E3-9CFA-8C9DA621ABD1}" dt="2025-09-02T11:37:33.760" v="1765" actId="122"/>
          <ac:spMkLst>
            <pc:docMk/>
            <pc:sldMk cId="957189266" sldId="276"/>
            <ac:spMk id="7" creationId="{C859E170-F006-56BC-2E9B-A2808ECA5805}"/>
          </ac:spMkLst>
        </pc:spChg>
        <pc:spChg chg="add mod">
          <ac:chgData name="Emma Femke Diepeveen" userId="2e688c13-4a66-4843-b4fb-ce9b4d6a572c" providerId="ADAL" clId="{531F5506-8B3C-59E3-9CFA-8C9DA621ABD1}" dt="2025-09-02T11:38:19.307" v="1825" actId="113"/>
          <ac:spMkLst>
            <pc:docMk/>
            <pc:sldMk cId="957189266" sldId="276"/>
            <ac:spMk id="8" creationId="{76F563B9-EB7D-FFC1-496F-54E5F46A45AD}"/>
          </ac:spMkLst>
        </pc:spChg>
        <pc:spChg chg="add mod">
          <ac:chgData name="Emma Femke Diepeveen" userId="2e688c13-4a66-4843-b4fb-ce9b4d6a572c" providerId="ADAL" clId="{531F5506-8B3C-59E3-9CFA-8C9DA621ABD1}" dt="2025-09-02T11:46:50.070" v="1867" actId="20577"/>
          <ac:spMkLst>
            <pc:docMk/>
            <pc:sldMk cId="957189266" sldId="276"/>
            <ac:spMk id="20" creationId="{FE4F3084-D10E-6E96-191B-16FFAFE322D1}"/>
          </ac:spMkLst>
        </pc:spChg>
        <pc:picChg chg="add del mod">
          <ac:chgData name="Emma Femke Diepeveen" userId="2e688c13-4a66-4843-b4fb-ce9b4d6a572c" providerId="ADAL" clId="{531F5506-8B3C-59E3-9CFA-8C9DA621ABD1}" dt="2025-09-02T11:39:39.659" v="1835" actId="478"/>
          <ac:picMkLst>
            <pc:docMk/>
            <pc:sldMk cId="957189266" sldId="276"/>
            <ac:picMk id="15" creationId="{657F7E6A-4A87-2FFE-5476-B56C131D2A8A}"/>
          </ac:picMkLst>
        </pc:picChg>
        <pc:picChg chg="add mod">
          <ac:chgData name="Emma Femke Diepeveen" userId="2e688c13-4a66-4843-b4fb-ce9b4d6a572c" providerId="ADAL" clId="{531F5506-8B3C-59E3-9CFA-8C9DA621ABD1}" dt="2025-09-02T11:40:06.548" v="1843" actId="14100"/>
          <ac:picMkLst>
            <pc:docMk/>
            <pc:sldMk cId="957189266" sldId="276"/>
            <ac:picMk id="17" creationId="{BB7BA494-A193-5CC1-208A-1AD0D1E5A0EA}"/>
          </ac:picMkLst>
        </pc:picChg>
        <pc:cxnChg chg="add mod">
          <ac:chgData name="Emma Femke Diepeveen" userId="2e688c13-4a66-4843-b4fb-ce9b4d6a572c" providerId="ADAL" clId="{531F5506-8B3C-59E3-9CFA-8C9DA621ABD1}" dt="2025-09-02T11:38:06.504" v="1818" actId="1582"/>
          <ac:cxnSpMkLst>
            <pc:docMk/>
            <pc:sldMk cId="957189266" sldId="276"/>
            <ac:cxnSpMk id="10" creationId="{4248D654-434A-B956-ECE1-3DCD342F1AE1}"/>
          </ac:cxnSpMkLst>
        </pc:cxnChg>
        <pc:cxnChg chg="add mod">
          <ac:chgData name="Emma Femke Diepeveen" userId="2e688c13-4a66-4843-b4fb-ce9b4d6a572c" providerId="ADAL" clId="{531F5506-8B3C-59E3-9CFA-8C9DA621ABD1}" dt="2025-09-02T11:38:10.501" v="1820" actId="1076"/>
          <ac:cxnSpMkLst>
            <pc:docMk/>
            <pc:sldMk cId="957189266" sldId="276"/>
            <ac:cxnSpMk id="11" creationId="{511DCF6C-7918-CB7D-DF25-16F1908F9E70}"/>
          </ac:cxnSpMkLst>
        </pc:cxnChg>
        <pc:cxnChg chg="add mod">
          <ac:chgData name="Emma Femke Diepeveen" userId="2e688c13-4a66-4843-b4fb-ce9b4d6a572c" providerId="ADAL" clId="{531F5506-8B3C-59E3-9CFA-8C9DA621ABD1}" dt="2025-09-02T11:38:13.164" v="1822" actId="1076"/>
          <ac:cxnSpMkLst>
            <pc:docMk/>
            <pc:sldMk cId="957189266" sldId="276"/>
            <ac:cxnSpMk id="12" creationId="{27DE6774-521A-476A-764A-9C37044141D5}"/>
          </ac:cxnSpMkLst>
        </pc:cxnChg>
        <pc:cxnChg chg="add mod">
          <ac:chgData name="Emma Femke Diepeveen" userId="2e688c13-4a66-4843-b4fb-ce9b4d6a572c" providerId="ADAL" clId="{531F5506-8B3C-59E3-9CFA-8C9DA621ABD1}" dt="2025-09-02T11:38:16.597" v="1824" actId="1076"/>
          <ac:cxnSpMkLst>
            <pc:docMk/>
            <pc:sldMk cId="957189266" sldId="276"/>
            <ac:cxnSpMk id="13" creationId="{37C7E207-AC58-C1AC-9FAB-CB0F843931DC}"/>
          </ac:cxnSpMkLst>
        </pc:cxnChg>
        <pc:cxnChg chg="add mod">
          <ac:chgData name="Emma Femke Diepeveen" userId="2e688c13-4a66-4843-b4fb-ce9b4d6a572c" providerId="ADAL" clId="{531F5506-8B3C-59E3-9CFA-8C9DA621ABD1}" dt="2025-09-02T11:40:26.138" v="1846" actId="14100"/>
          <ac:cxnSpMkLst>
            <pc:docMk/>
            <pc:sldMk cId="957189266" sldId="276"/>
            <ac:cxnSpMk id="18" creationId="{E5F03EF3-2421-33FD-7636-605C92EC385D}"/>
          </ac:cxnSpMkLst>
        </pc:cxnChg>
      </pc:sldChg>
      <pc:sldChg chg="modSp new mod ord">
        <pc:chgData name="Emma Femke Diepeveen" userId="2e688c13-4a66-4843-b4fb-ce9b4d6a572c" providerId="ADAL" clId="{531F5506-8B3C-59E3-9CFA-8C9DA621ABD1}" dt="2025-09-02T12:02:22.500" v="2450" actId="20577"/>
        <pc:sldMkLst>
          <pc:docMk/>
          <pc:sldMk cId="19452529" sldId="277"/>
        </pc:sldMkLst>
        <pc:spChg chg="mod">
          <ac:chgData name="Emma Femke Diepeveen" userId="2e688c13-4a66-4843-b4fb-ce9b4d6a572c" providerId="ADAL" clId="{531F5506-8B3C-59E3-9CFA-8C9DA621ABD1}" dt="2025-09-02T12:02:22.500" v="2450" actId="20577"/>
          <ac:spMkLst>
            <pc:docMk/>
            <pc:sldMk cId="19452529" sldId="277"/>
            <ac:spMk id="2" creationId="{A4EE1A2D-450B-0BD7-DD35-D834C0D2C6AE}"/>
          </ac:spMkLst>
        </pc:spChg>
        <pc:spChg chg="mod">
          <ac:chgData name="Emma Femke Diepeveen" userId="2e688c13-4a66-4843-b4fb-ce9b4d6a572c" providerId="ADAL" clId="{531F5506-8B3C-59E3-9CFA-8C9DA621ABD1}" dt="2025-09-02T11:48:37.245" v="1996" actId="20577"/>
          <ac:spMkLst>
            <pc:docMk/>
            <pc:sldMk cId="19452529" sldId="277"/>
            <ac:spMk id="3" creationId="{39EFF3B1-998B-3411-8587-69CB3252C24B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39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0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1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88DF0C21-DE6B-488F-B9D9-B7FE08733B70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580509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5-09-02T12:12:11.940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102 1110 24575,'-17'0'0,"2"0"0,-9 0 0,0 0 0,-2 0 0,1 0 0,5 0 0,-6 0 0,-2 0 0,1 0 0,0 0 0,2 0 0,-1 0 0,-1 0 0,-3 0 0,2 0 0,2 0 0,1 0 0,0 0 0,-2 0 0,-4 0 0,3 0 0,1 0 0,1 0 0,3 0 0,0 0 0,0 0 0,0 0 0,0 0 0,0-2 0,0-1 0,1-1 0,0-1 0,3 1 0,0-1 0,2 2 0,-1-1 0,1 0 0,-1 0 0,1 0 0,-1 0 0,1 1 0,0-1 0,-1 2 0,1-1 0,0 1 0,1 0 0,4 0 0,2 0 0,2-2 0,2 1 0,3-3 0,1-1 0,2 0 0,0 0 0,0 0 0,0 1 0,0-1 0,0 0 0,0 0 0,0 0 0,0-1 0,0-2 0,0-2 0,0-2 0,0-5 0,0-1 0,0-3 0,0-2 0,0 0 0,0-2 0,0 2 0,0 2 0,0-1 0,0 0 0,0-1 0,0 2 0,0 0 0,1 2 0,1 0 0,1 0 0,-2 3 0,1 1 0,1-1 0,1 1 0,0-3 0,0-2 0,3-3 0,-2-2 0,0 4 0,1 1 0,-2 1 0,0 0 0,-1-3 0,-1 1 0,1 2 0,-1-1 0,0 2 0,-2 1 0,0 2 0,0 4 0,0 2 0,0 1 0,0 2 0,0 1 0,0 0 0,2 1 0,1 3 0,7 1 0,9 2 0,10 0 0,5 0 0,-1 0 0,-2 0 0,-4-2 0,3-1 0,1-1 0,-3-1 0,-3 1 0,-4 0 0,0 2 0,4-2 0,0 2 0,1-3 0,-1 1 0,1-1 0,2 0 0,0 2 0,0-1 0,0 1 0,1-2 0,-2 1 0,1 1 0,-3 1 0,-1 0 0,-2-1 0,-2 1 0,1 0 0,-1 2 0,1 0 0,-2-2 0,-2 0 0,-2 0 0,-2 0 0,-1 2 0,1-1 0,-2 1 0,-2 0 0,-1 0 0,-1 0 0,-3 0 0,-1 0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5-09-02T12:12:14.506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782 1333 24575,'-15'0'0,"-8"0"0,-7 0 0,-1 0 0,0 0 0,0 0 0,-1 0 0,-6 0 0,-3 0 0,1 0 0,3 0 0,0 0 0,4 0 0,0 0 0,2 0 0,1 0 0,-4 0 0,-2 0 0,-5 0 0,-2 0 0,1 0 0,-3-4 0,-5-1 0,1-1 0,0 1 0,4 2 0,4-2 0,0-1 0,1-1 0,3 0 0,6 2 0,5-1 0,2 1 0,0 1 0,-3-1 0,-1-1 0,1 2 0,2-1 0,-1 2 0,0 0 0,-2-1 0,0 1 0,-1-2 0,3 1 0,1 1 0,0-1 0,2 1 0,2-1 0,1 0 0,1 1 0,-1-3 0,0-1 0,-1-1 0,0-1 0,1 1 0,1-3 0,5 0 0,3 1 0,2 0 0,3 2 0,2 0 0,2 0 0,2 0 0,-1 2 0,1-3 0,0-1 0,0-2 0,0-4 0,0-2 0,0-4 0,0-5 0,2-6 0,3-4 0,3-7 0,1-1 0,2 0 0,-1 2 0,-2 2 0,-1 4 0,-2 7 0,0 3 0,1 3 0,-1 0 0,1-4 0,0 0 0,-1 0 0,0 0 0,0 1 0,0 2 0,-1 0 0,1 1 0,-1-1 0,-1 2 0,-1 0 0,-2 0 0,0 4 0,0 0 0,0 4 0,0 2 0,0 0 0,0 0 0,0 0 0,0-1 0,0 1 0,0 2 0,0 1 0,1 3 0,2 3 0,2 2 0,2 1 0,-1 1 0,5-2 0,5-2 0,7-1 0,5-1 0,2-1 0,0 2 0,-2-1 0,-1 2 0,-1-1 0,2 1 0,1 0 0,-1 2 0,-4 1 0,-2 1 0,0-1 0,-2 1 0,1 0 0,0 0 0,-1 0 0,3 0 0,-1 0 0,0 0 0,-1 0 0,1 0 0,1 0 0,2 0 0,5 0 0,1 0 0,0 0 0,0-1 0,-3-2 0,1 1 0,0 0 0,0 1 0,-3 1 0,-1 0 0,0 0 0,-3 0 0,3 0 0,-5 0 0,-3 0 0,0 0 0,-2 0 0,0 0 0,-1 0 0,-1 0 0,1 0 0,-1 0 0,-1 0 0,1 0 0,-2 0 0,1 0 0,1 0 0,-1 0 0,0 0 0,2 0 0,1 0 0,-1 0 0,-2 0 0,1 0 0,-1 0 0,2 0 0,0 0 0,-1 0 0,-2 0 0,0 0 0,-3 0 0,0 0 0,-4 0 0,-1 0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5-09-02T12:12:18.234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586 1 24575,'-32'0'0,"-5"0"0,-13 0 0,-1 0 0,-8 0 0,-17 0 0,5 0 0,-5 0 0,8 0 0,15 0 0,-7 0 0,1 0 0,-1 0 0,0 0 0,2 0 0,4 0 0,0 0 0,8 0 0,2 0 0,4 0 0,3 0 0,-3 0 0,4 0 0,3 0 0,3 0 0,3 0 0,3 0 0,1 0 0,0 0 0,2 0 0,1 0 0,5 0 0,0 0 0,3 0 0,2 0 0,1 0 0,2 0 0,0 0 0,0 0 0,-1 0 0,2 1 0,2 3 0,2 1 0,2 2 0,0-1 0,1 0 0,2 1 0,2 0 0,2 3 0,1 0 0,0 1 0,0 8 0,1 1 0,-2 6 0,-2 4 0,-3 5 0,-1 7 0,-1 2 0,0 2 0,0-3 0,0-4 0,0-1 0,0-6 0,0-1 0,0 1 0,0-1 0,0 1 0,-2 2 0,-2 0 0,-2 1 0,0 2 0,-2 2 0,2 2 0,-1-1 0,0 0 0,1-2 0,0-6 0,2-1 0,0-2 0,-1 3 0,2 4 0,0-1 0,1 2 0,-1-1 0,0-1 0,0 2 0,3 1 0,0 0 0,0 1 0,0-2 0,-1 1 0,1 2 0,0-3 0,0-3 0,0-7 0,0-3 0,0 0 0,0-3 0,0-2 0,0-3 0,0-4 0,0-1 0,0-1 0,0-1 0,0-2 0,-1 3 0,-1 4 0,-2 6 0,-1 5 0,2 2 0,-1-2 0,2 1 0,-3 2 0,1-1 0,0 1 0,2-2 0,2-7 0,-1-4 0,1-5 0,0-2 0,0-1 0,0 0 0,2-1 0,1-3 0,2-1 0,3-1 0,4-1 0,2 0 0,4 0 0,3 0 0,4 0 0,6 0 0,0 2 0,2 5 0,3 3 0,-3 1 0,0 0 0,-1-3 0,-2 1 0,4 0 0,0-1 0,-2-2 0,2-1 0,-2-1 0,0-1 0,0 1 0,-4-2 0,1 1 0,-1-1 0,0-2 0,-1 2 0,0 1 0,-2-1 0,-1 0 0,0-2 0,-2 0 0,3 0 0,0 2 0,1 0 0,-1 0 0,1 0 0,-1 1 0,1-1 0,2 1 0,-2-1 0,-1-2 0,0 2 0,3 0 0,2 1 0,-2 0 0,-1-1 0,-3 0 0,0 2 0,3-1 0,1 0 0,0 0 0,1 0 0,-3 0 0,-1-1 0,1 0 0,-2 1 0,-1-1 0,-1 2 0,11 0 0,-12 0 0,9 1 0,-17-1 0,-1-1 0,1 0 0,1 0 0,-1 1 0,2 0 0,-1 0 0,1 0 0,0 0 0,0 0 0,-1-2 0,1 2 0,0-2 0,-1 0 0,-3 1 0,-1-1 0,1-1 0,-2 1 0,0-1 0,-1 0 0,0 1 0,0 0 0,0 0 0,0-2 0,-1 0 0,-1 2 0,-3-2 0,-1 1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099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7172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4538"/>
            <a:ext cx="6613525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679768" y="4715153"/>
            <a:ext cx="5438140" cy="446698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102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103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039067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1pPr>
    <a:lvl2pPr marL="60949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2pPr>
    <a:lvl3pPr marL="1218987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3pPr>
    <a:lvl4pPr marL="1828480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4pPr>
    <a:lvl5pPr marL="243797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Gamma distribution -&gt; Variation in substitution rates across sequence</a:t>
            </a:r>
            <a:endParaRPr lang="en-DK" dirty="0"/>
          </a:p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266458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31242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</p:spPr>
      </p:pic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endParaRPr lang="en-GB" sz="600" cap="all" spc="40" baseline="0" dirty="0">
              <a:solidFill>
                <a:schemeClr val="bg1"/>
              </a:solidFill>
              <a:latin typeface="AU Passata Light" pitchFamily="34" charset="0"/>
            </a:endParaRPr>
          </a:p>
        </p:txBody>
      </p:sp>
      <p:sp>
        <p:nvSpPr>
          <p:cNvPr id="5" name="Date_DateCustomA" descr="{&quot;templafy&quot;:{&quot;id&quot;:&quot;c6994d15-c970-4e13-bd74-b7c999269f69&quot;}}">
            <a:extLst>
              <a:ext uri="{FF2B5EF4-FFF2-40B4-BE49-F238E27FC236}">
                <a16:creationId xmlns:a16="http://schemas.microsoft.com/office/drawing/2014/main" id="{7F20FB0B-AB99-D1DA-4E1C-7C844AE4069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6" name="FLD_Event" descr="{&quot;templafy&quot;:{&quot;id&quot;:&quot;2f5f9d71-c345-4166-8c91-f92dfa0eb233&quot;}}">
            <a:extLst>
              <a:ext uri="{FF2B5EF4-FFF2-40B4-BE49-F238E27FC236}">
                <a16:creationId xmlns:a16="http://schemas.microsoft.com/office/drawing/2014/main" id="{94FCB787-CF58-D24B-3F9C-4CF65869F2F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36" name="USR_Title" descr="{&quot;templafy&quot;:{&quot;id&quot;:&quot;ed32747e-8f98-4606-8227-0f558c8d3c9e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Ph.d.-studerende</a:t>
            </a:r>
          </a:p>
        </p:txBody>
      </p:sp>
      <p:sp>
        <p:nvSpPr>
          <p:cNvPr id="37" name="USR_Name" descr="{&quot;templafy&quot;:{&quot;id&quot;:&quot;ecef74ea-3866-489e-8d84-38ea867fca93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mma Femke Diepeveen</a:t>
            </a:r>
          </a:p>
        </p:txBody>
      </p:sp>
      <p:pic>
        <p:nvPicPr>
          <p:cNvPr id="818858520" name="SecondaryLogo" descr="{&quot;templafy&quot;:{&quot;id&quot;:&quot;871e7502-b533-4f94-b823-79f7ab2f22a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8" name="OFF_logo2Computed" descr="{&quot;templafy&quot;:{&quot;id&quot;:&quot;18757dc8-73f1-47b8-946c-b7cbc5220d75&quot;}}">
            <a:extLst>
              <a:ext uri="{FF2B5EF4-FFF2-40B4-BE49-F238E27FC236}">
                <a16:creationId xmlns:a16="http://schemas.microsoft.com/office/drawing/2014/main" id="{289B577B-AF3B-2A62-0411-5FD9FF3C42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9" name="OFF_logo1Computed" descr="{&quot;templafy&quot;:{&quot;id&quot;:&quot;7abe370c-f80b-4a32-ac09-fd30583077e1&quot;}}">
            <a:extLst>
              <a:ext uri="{FF2B5EF4-FFF2-40B4-BE49-F238E27FC236}">
                <a16:creationId xmlns:a16="http://schemas.microsoft.com/office/drawing/2014/main" id="{066A6607-F6B4-2025-DA5F-AC4D1914151A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51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1600" y="316800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5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13" y="315913"/>
            <a:ext cx="1155700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49476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5940" y="1412776"/>
            <a:ext cx="8496944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61400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13" y="230400"/>
            <a:ext cx="11563200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068" y="1853461"/>
            <a:ext cx="6264696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51546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13" y="328612"/>
            <a:ext cx="11550650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629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355" y="1022476"/>
            <a:ext cx="2012649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5820" y="1340768"/>
            <a:ext cx="1224136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28776" y="2163364"/>
            <a:ext cx="2531272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744069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0914" y="2098689"/>
            <a:ext cx="1274541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en-GB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39540" y="2093600"/>
            <a:ext cx="4356484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en-GB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492" y="3428550"/>
            <a:ext cx="928903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en-GB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62406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3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355" y="2132856"/>
            <a:ext cx="2012649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9" dirty="0"/>
          </a:p>
        </p:txBody>
      </p:sp>
      <p:sp>
        <p:nvSpPr>
          <p:cNvPr id="21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5838" y="3443622"/>
            <a:ext cx="64800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1844" y="1520315"/>
            <a:ext cx="9543307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5838" y="3715431"/>
            <a:ext cx="7161212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8" name="Date_DateCustomA" descr="{&quot;templafy&quot;:{&quot;id&quot;:&quot;2c684135-db69-4f0e-9fe7-3a596ecae385&quot;}}">
            <a:extLst>
              <a:ext uri="{FF2B5EF4-FFF2-40B4-BE49-F238E27FC236}">
                <a16:creationId xmlns:a16="http://schemas.microsoft.com/office/drawing/2014/main" id="{249423E2-54F8-7094-38E5-785211867F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7" name="FLD_Event" descr="{&quot;templafy&quot;:{&quot;id&quot;:&quot;3ee97908-9ccf-48e4-98de-f350b9070093&quot;}}">
            <a:extLst>
              <a:ext uri="{FF2B5EF4-FFF2-40B4-BE49-F238E27FC236}">
                <a16:creationId xmlns:a16="http://schemas.microsoft.com/office/drawing/2014/main" id="{163F40E2-4217-07B0-ECD8-2A4A14C886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2" name="USR_Name" descr="{&quot;templafy&quot;:{&quot;id&quot;:&quot;c8f57c57-7036-47ae-b450-ec78adde0417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mma Femke Diepeveen</a:t>
            </a:r>
          </a:p>
        </p:txBody>
      </p:sp>
      <p:pic>
        <p:nvPicPr>
          <p:cNvPr id="693657576" name="SecondaryLogo" descr="{&quot;templafy&quot;:{&quot;id&quot;:&quot;93c8e9c1-78e3-49d0-86be-449bf740dd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9" name="OFF_logo2Computed" descr="{&quot;templafy&quot;:{&quot;id&quot;:&quot;11d7d205-bebf-4777-9e15-31e97c841017&quot;}}">
            <a:extLst>
              <a:ext uri="{FF2B5EF4-FFF2-40B4-BE49-F238E27FC236}">
                <a16:creationId xmlns:a16="http://schemas.microsoft.com/office/drawing/2014/main" id="{4550AE95-0D19-942D-D04F-B30197C47E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10" name="OFF_logo1Computed" descr="{&quot;templafy&quot;:{&quot;id&quot;:&quot;76d04571-8026-4f99-88bb-c69190fbd3a4&quot;}}">
            <a:extLst>
              <a:ext uri="{FF2B5EF4-FFF2-40B4-BE49-F238E27FC236}">
                <a16:creationId xmlns:a16="http://schemas.microsoft.com/office/drawing/2014/main" id="{7E45388B-77A2-F799-5C73-3DBEF86FEF0E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70082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5" name="LAN_AUWBreak" descr="{&quot;templafy&quot;:{&quot;id&quot;:&quot;49f7d88b-62d3-4675-aa80-11fd0206803f&quot;}}"/>
          <p:cNvSpPr/>
          <p:nvPr userDrawn="1"/>
        </p:nvSpPr>
        <p:spPr bwMode="auto">
          <a:xfrm>
            <a:off x="6022613" y="2804400"/>
            <a:ext cx="65" cy="739391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8268" y="2864711"/>
            <a:ext cx="2228400" cy="1116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889669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22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Date_DateCustomA" descr="{&quot;templafy&quot;:{&quot;id&quot;:&quot;55f0c831-472c-4ea8-a2d3-a82f5c3f56e5&quot;}}">
            <a:extLst>
              <a:ext uri="{FF2B5EF4-FFF2-40B4-BE49-F238E27FC236}">
                <a16:creationId xmlns:a16="http://schemas.microsoft.com/office/drawing/2014/main" id="{79F28AD6-C756-3FA9-8D35-B9ED537E5DD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6" name="FLD_Event" descr="{&quot;templafy&quot;:{&quot;id&quot;:&quot;01b11b71-f2cf-4e2c-b0aa-4b7989ae3a72&quot;}}">
            <a:extLst>
              <a:ext uri="{FF2B5EF4-FFF2-40B4-BE49-F238E27FC236}">
                <a16:creationId xmlns:a16="http://schemas.microsoft.com/office/drawing/2014/main" id="{57887568-1188-7AD6-FE68-DD94BB3E074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879515054" name="SecondaryLogo" descr="{&quot;templafy&quot;:{&quot;id&quot;:&quot;737fd2d9-3b18-4e59-b346-afd0d77dcaf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11" name="OFF_logo2Computed" descr="{&quot;templafy&quot;:{&quot;id&quot;:&quot;5c16850b-acca-41ad-90ce-6258473781ed&quot;}}">
            <a:extLst>
              <a:ext uri="{FF2B5EF4-FFF2-40B4-BE49-F238E27FC236}">
                <a16:creationId xmlns:a16="http://schemas.microsoft.com/office/drawing/2014/main" id="{A3243EC3-3157-0FCB-B9C5-4D04D60102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12" name="OFF_logo1Computed" descr="{&quot;templafy&quot;:{&quot;id&quot;:&quot;61e5ac26-aaa0-41b8-b9ef-24517992f922&quot;}}">
            <a:extLst>
              <a:ext uri="{FF2B5EF4-FFF2-40B4-BE49-F238E27FC236}">
                <a16:creationId xmlns:a16="http://schemas.microsoft.com/office/drawing/2014/main" id="{295F1ED3-E7A6-8E03-3171-374E099942CC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739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960079"/>
            <a:ext cx="10220325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3598" y="340161"/>
            <a:ext cx="1825892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3200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7128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 userDrawn="1">
          <p15:clr>
            <a:srgbClr val="00000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00" y="230400"/>
            <a:ext cx="564426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1371600"/>
            <a:ext cx="4975225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0198" y="315913"/>
            <a:ext cx="564411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9787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5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075" y="2694542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5838" y="1484784"/>
            <a:ext cx="4975225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3010711"/>
            <a:ext cx="4975225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15913"/>
            <a:ext cx="564480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1780882"/>
            <a:ext cx="1825892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0316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306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115596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76182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7004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4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3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en-GB" smtClean="0"/>
              <a:pPr/>
              <a:t>02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Black Rectangle"/>
          <p:cNvSpPr/>
          <p:nvPr userDrawn="1"/>
        </p:nvSpPr>
        <p:spPr>
          <a:xfrm>
            <a:off x="989440" y="1663088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9002"/>
            <a:ext cx="557570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8000"/>
          </a:xfrm>
          <a:prstGeom prst="rect">
            <a:avLst/>
          </a:prstGeom>
        </p:spPr>
      </p:pic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13" y="149115"/>
            <a:ext cx="1155700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5838" y="1960079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5" name="Date_DateCustomA" descr="{&quot;templafy&quot;:{&quot;id&quot;:&quot;e9ec1846-fc70-4b1f-91d1-af31a7ef0312&quot;}}">
            <a:extLst>
              <a:ext uri="{FF2B5EF4-FFF2-40B4-BE49-F238E27FC236}">
                <a16:creationId xmlns:a16="http://schemas.microsoft.com/office/drawing/2014/main" id="{2DB864AE-EC00-948C-4AD8-CC3FC72BC82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29. August 2025</a:t>
            </a:r>
          </a:p>
        </p:txBody>
      </p:sp>
      <p:sp>
        <p:nvSpPr>
          <p:cNvPr id="4" name="FLD_Event" descr="{&quot;templafy&quot;:{&quot;id&quot;:&quot;6b5290eb-2f43-4d9e-9d6d-e0daf52783fe&quot;}}">
            <a:extLst>
              <a:ext uri="{FF2B5EF4-FFF2-40B4-BE49-F238E27FC236}">
                <a16:creationId xmlns:a16="http://schemas.microsoft.com/office/drawing/2014/main" id="{D0C255F4-97F5-2F16-C830-C233FA325C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Evolutionary Thinking</a:t>
            </a:r>
          </a:p>
        </p:txBody>
      </p:sp>
      <p:sp>
        <p:nvSpPr>
          <p:cNvPr id="28" name="USR_Title" descr="{&quot;templafy&quot;:{&quot;id&quot;:&quot;77b6b9a6-262d-4793-baa6-9017e23b17f8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Ph.d.-studerende</a:t>
            </a:r>
          </a:p>
        </p:txBody>
      </p:sp>
      <p:sp>
        <p:nvSpPr>
          <p:cNvPr id="21" name="USR_Name" descr="{&quot;templafy&quot;:{&quot;id&quot;:&quot;ddceb61f-142b-4271-810f-7e88745c4f6a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Emma Femke Diepeveen</a:t>
            </a:r>
          </a:p>
        </p:txBody>
      </p:sp>
      <p:pic>
        <p:nvPicPr>
          <p:cNvPr id="1313023955" name="SecondaryLogo_sort" descr="{&quot;templafy&quot;:{&quot;id&quot;:&quot;f3841f7a-f501-4eb1-a69e-e9c157c99b09&quot;}}"/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10206000" y="5999002"/>
            <a:ext cx="1659600" cy="558000"/>
          </a:xfrm>
          <a:prstGeom prst="rect">
            <a:avLst/>
          </a:prstGeom>
        </p:spPr>
      </p:pic>
      <p:sp>
        <p:nvSpPr>
          <p:cNvPr id="25" name="OFF_logo2Computed" descr="{&quot;templafy&quot;:{&quot;id&quot;:&quot;5d3e756c-a45e-4103-adbe-cc33deb505f2&quot;}}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26" name="OFF_logo1Computed" descr="{&quot;templafy&quot;:{&quot;id&quot;:&quot;8014843d-a4f2-4a18-9d55-4244c2438944&quot;}}"/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07992" y="6581497"/>
            <a:ext cx="252000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59" r:id="rId1"/>
    <p:sldLayoutId id="2147483656" r:id="rId2"/>
    <p:sldLayoutId id="2147483673" r:id="rId3"/>
    <p:sldLayoutId id="2147483666" r:id="rId4"/>
    <p:sldLayoutId id="2147483662" r:id="rId5"/>
    <p:sldLayoutId id="2147483649" r:id="rId6"/>
    <p:sldLayoutId id="2147483669" r:id="rId7"/>
    <p:sldLayoutId id="2147483661" r:id="rId8"/>
    <p:sldLayoutId id="2147483668" r:id="rId9"/>
    <p:sldLayoutId id="2147483663" r:id="rId10"/>
    <p:sldLayoutId id="2147483670" r:id="rId11"/>
    <p:sldLayoutId id="2147483654" r:id="rId12"/>
    <p:sldLayoutId id="2147483664" r:id="rId13"/>
    <p:sldLayoutId id="2147483671" r:id="rId14"/>
    <p:sldLayoutId id="2147483650" r:id="rId15"/>
    <p:sldLayoutId id="2147483655" r:id="rId16"/>
    <p:sldLayoutId id="2147483651" r:id="rId17"/>
    <p:sldLayoutId id="2147483672" r:id="rId18"/>
    <p:sldLayoutId id="2147483678" r:id="rId19"/>
    <p:sldLayoutId id="2147483658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 userDrawn="1">
          <p15:clr>
            <a:srgbClr val="000000"/>
          </p15:clr>
        </p15:guide>
        <p15:guide id="5" orient="horz" pos="4131" userDrawn="1">
          <p15:clr>
            <a:srgbClr val="A4A3A4"/>
          </p15:clr>
        </p15:guide>
        <p15:guide id="6" pos="7479" userDrawn="1">
          <p15:clr>
            <a:srgbClr val="A4A3A4"/>
          </p15:clr>
        </p15:guide>
        <p15:guide id="7" orient="horz" pos="1234" userDrawn="1">
          <p15:clr>
            <a:srgbClr val="000000"/>
          </p15:clr>
        </p15:guide>
        <p15:guide id="8" pos="7059" userDrawn="1">
          <p15:clr>
            <a:srgbClr val="000000"/>
          </p15:clr>
        </p15:guide>
        <p15:guide id="9" pos="199" userDrawn="1">
          <p15:clr>
            <a:srgbClr val="A4A3A4"/>
          </p15:clr>
        </p15:guide>
        <p15:guide id="10" pos="621" userDrawn="1">
          <p15:clr>
            <a:srgbClr val="000000"/>
          </p15:clr>
        </p15:guide>
        <p15:guide id="11" orient="horz" pos="19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7" Type="http://schemas.openxmlformats.org/officeDocument/2006/relationships/image" Target="../media/image25.png"/><Relationship Id="rId2" Type="http://schemas.openxmlformats.org/officeDocument/2006/relationships/customXml" Target="../ink/ink1.xml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3.xml"/><Relationship Id="rId5" Type="http://schemas.openxmlformats.org/officeDocument/2006/relationships/image" Target="../media/image24.png"/><Relationship Id="rId4" Type="http://schemas.openxmlformats.org/officeDocument/2006/relationships/customXml" Target="../ink/ink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sv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5.svg"/><Relationship Id="rId5" Type="http://schemas.openxmlformats.org/officeDocument/2006/relationships/image" Target="../media/image14.png"/><Relationship Id="rId4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8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jpe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85838" y="2648542"/>
            <a:ext cx="10220325" cy="1329595"/>
          </a:xfrm>
        </p:spPr>
        <p:txBody>
          <a:bodyPr/>
          <a:lstStyle/>
          <a:p>
            <a:r>
              <a:rPr lang="en-GB" dirty="0"/>
              <a:t>Substitution models</a:t>
            </a:r>
            <a:br>
              <a:rPr lang="en-GB" dirty="0"/>
            </a:br>
            <a:r>
              <a:rPr lang="en-GB" sz="3600" dirty="0"/>
              <a:t>week 36 recap + paper discussion</a:t>
            </a: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79EFEB-128B-75C8-F4DB-00D9C2EFFE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Maximum parsimon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21A87B-43F7-A3EC-3047-4B1CD8EAC83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52000" lvl="1" indent="0">
              <a:buNone/>
            </a:pPr>
            <a:r>
              <a:rPr lang="en-GB" dirty="0"/>
              <a:t>NOT a distance method </a:t>
            </a:r>
          </a:p>
          <a:p>
            <a:pPr marL="252000" lvl="1" indent="0">
              <a:buNone/>
            </a:pPr>
            <a:endParaRPr lang="en-GB" dirty="0"/>
          </a:p>
          <a:p>
            <a:r>
              <a:rPr lang="en-GB" dirty="0"/>
              <a:t>I</a:t>
            </a:r>
            <a:r>
              <a:rPr lang="en-DK" dirty="0"/>
              <a:t>dentification of a toplogy that requires </a:t>
            </a:r>
            <a:r>
              <a:rPr lang="en-DK" b="1" dirty="0"/>
              <a:t>the smallest number of evolutionary changes </a:t>
            </a:r>
            <a:r>
              <a:rPr lang="en-DK" dirty="0"/>
              <a:t>(= nucleotide substitutions) to explain the observed differences. </a:t>
            </a:r>
          </a:p>
          <a:p>
            <a:r>
              <a:rPr lang="en-DK" dirty="0"/>
              <a:t> =  shortest set of pathways leading to the final tree. </a:t>
            </a:r>
          </a:p>
          <a:p>
            <a:endParaRPr lang="en-DK" dirty="0"/>
          </a:p>
          <a:p>
            <a:r>
              <a:rPr lang="en-DK" dirty="0"/>
              <a:t>You only look at variable si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6B471FE-8601-8588-99A6-115C638FB9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02A21A-8E60-B040-B6E5-A7F33FF242BF}" type="datetime1">
              <a:rPr lang="en-GB" smtClean="0"/>
              <a:t>02/09/2025</a:t>
            </a:fld>
            <a:endParaRPr lang="en-GB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1EB2596-795A-8714-1D95-DE17C87ED2A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02591288"/>
              </p:ext>
            </p:extLst>
          </p:nvPr>
        </p:nvGraphicFramePr>
        <p:xfrm>
          <a:off x="3053263" y="4941168"/>
          <a:ext cx="4913358" cy="148336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58487">
                  <a:extLst>
                    <a:ext uri="{9D8B030D-6E8A-4147-A177-3AD203B41FA5}">
                      <a16:colId xmlns:a16="http://schemas.microsoft.com/office/drawing/2014/main" val="2369898158"/>
                    </a:ext>
                  </a:extLst>
                </a:gridCol>
                <a:gridCol w="348320">
                  <a:extLst>
                    <a:ext uri="{9D8B030D-6E8A-4147-A177-3AD203B41FA5}">
                      <a16:colId xmlns:a16="http://schemas.microsoft.com/office/drawing/2014/main" val="768346766"/>
                    </a:ext>
                  </a:extLst>
                </a:gridCol>
                <a:gridCol w="391860">
                  <a:extLst>
                    <a:ext uri="{9D8B030D-6E8A-4147-A177-3AD203B41FA5}">
                      <a16:colId xmlns:a16="http://schemas.microsoft.com/office/drawing/2014/main" val="2269049488"/>
                    </a:ext>
                  </a:extLst>
                </a:gridCol>
                <a:gridCol w="478940">
                  <a:extLst>
                    <a:ext uri="{9D8B030D-6E8A-4147-A177-3AD203B41FA5}">
                      <a16:colId xmlns:a16="http://schemas.microsoft.com/office/drawing/2014/main" val="1288374367"/>
                    </a:ext>
                  </a:extLst>
                </a:gridCol>
                <a:gridCol w="478940">
                  <a:extLst>
                    <a:ext uri="{9D8B030D-6E8A-4147-A177-3AD203B41FA5}">
                      <a16:colId xmlns:a16="http://schemas.microsoft.com/office/drawing/2014/main" val="4171555067"/>
                    </a:ext>
                  </a:extLst>
                </a:gridCol>
                <a:gridCol w="478940">
                  <a:extLst>
                    <a:ext uri="{9D8B030D-6E8A-4147-A177-3AD203B41FA5}">
                      <a16:colId xmlns:a16="http://schemas.microsoft.com/office/drawing/2014/main" val="3266326352"/>
                    </a:ext>
                  </a:extLst>
                </a:gridCol>
                <a:gridCol w="2377871">
                  <a:extLst>
                    <a:ext uri="{9D8B030D-6E8A-4147-A177-3AD203B41FA5}">
                      <a16:colId xmlns:a16="http://schemas.microsoft.com/office/drawing/2014/main" val="359222292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DK" dirty="0"/>
                        <a:t>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>
                    <a:solidFill>
                      <a:schemeClr val="bg2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T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343326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DK" dirty="0"/>
                        <a:t>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>
                    <a:solidFill>
                      <a:schemeClr val="bg2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8048954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DK" dirty="0"/>
                        <a:t>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C</a:t>
                      </a:r>
                    </a:p>
                  </a:txBody>
                  <a:tcPr>
                    <a:solidFill>
                      <a:schemeClr val="bg2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058633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DK" dirty="0"/>
                        <a:t>A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C</a:t>
                      </a:r>
                    </a:p>
                  </a:txBody>
                  <a:tcPr>
                    <a:solidFill>
                      <a:schemeClr val="bg2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8880071"/>
                  </a:ext>
                </a:extLst>
              </a:tr>
            </a:tbl>
          </a:graphicData>
        </a:graphic>
      </p:graphicFrame>
      <p:grpSp>
        <p:nvGrpSpPr>
          <p:cNvPr id="10" name="Group 9">
            <a:extLst>
              <a:ext uri="{FF2B5EF4-FFF2-40B4-BE49-F238E27FC236}">
                <a16:creationId xmlns:a16="http://schemas.microsoft.com/office/drawing/2014/main" id="{D777516B-9DCB-0A85-BEE1-40A94DCA7703}"/>
              </a:ext>
            </a:extLst>
          </p:cNvPr>
          <p:cNvGrpSpPr/>
          <p:nvPr/>
        </p:nvGrpSpPr>
        <p:grpSpPr>
          <a:xfrm>
            <a:off x="1858762" y="4989682"/>
            <a:ext cx="1194120" cy="1228320"/>
            <a:chOff x="1858762" y="4989682"/>
            <a:chExt cx="1194120" cy="12283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">
              <p14:nvContentPartPr>
                <p14:cNvPr id="6" name="Ink 5">
                  <a:extLst>
                    <a:ext uri="{FF2B5EF4-FFF2-40B4-BE49-F238E27FC236}">
                      <a16:creationId xmlns:a16="http://schemas.microsoft.com/office/drawing/2014/main" id="{411048B2-E59D-D4F3-642D-4D5BD3B9BEB9}"/>
                    </a:ext>
                  </a:extLst>
                </p14:cNvPr>
                <p14:cNvContentPartPr/>
                <p14:nvPr/>
              </p14:nvContentPartPr>
              <p14:xfrm>
                <a:off x="2524042" y="5818402"/>
                <a:ext cx="396720" cy="399600"/>
              </p14:xfrm>
            </p:contentPart>
          </mc:Choice>
          <mc:Fallback>
            <p:pic>
              <p:nvPicPr>
                <p:cNvPr id="6" name="Ink 5">
                  <a:extLst>
                    <a:ext uri="{FF2B5EF4-FFF2-40B4-BE49-F238E27FC236}">
                      <a16:creationId xmlns:a16="http://schemas.microsoft.com/office/drawing/2014/main" id="{411048B2-E59D-D4F3-642D-4D5BD3B9BEB9}"/>
                    </a:ext>
                  </a:extLst>
                </p:cNvPr>
                <p:cNvPicPr/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2515402" y="5809762"/>
                  <a:ext cx="414360" cy="417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">
              <p14:nvContentPartPr>
                <p14:cNvPr id="7" name="Ink 6">
                  <a:extLst>
                    <a:ext uri="{FF2B5EF4-FFF2-40B4-BE49-F238E27FC236}">
                      <a16:creationId xmlns:a16="http://schemas.microsoft.com/office/drawing/2014/main" id="{D565526C-AE27-7783-9F18-46C8093F9E24}"/>
                    </a:ext>
                  </a:extLst>
                </p14:cNvPr>
                <p14:cNvContentPartPr/>
                <p14:nvPr/>
              </p14:nvContentPartPr>
              <p14:xfrm>
                <a:off x="2411002" y="4989682"/>
                <a:ext cx="641880" cy="480240"/>
              </p14:xfrm>
            </p:contentPart>
          </mc:Choice>
          <mc:Fallback>
            <p:pic>
              <p:nvPicPr>
                <p:cNvPr id="7" name="Ink 6">
                  <a:extLst>
                    <a:ext uri="{FF2B5EF4-FFF2-40B4-BE49-F238E27FC236}">
                      <a16:creationId xmlns:a16="http://schemas.microsoft.com/office/drawing/2014/main" id="{D565526C-AE27-7783-9F18-46C8093F9E24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2402002" y="4981042"/>
                  <a:ext cx="659520" cy="497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">
              <p14:nvContentPartPr>
                <p14:cNvPr id="8" name="Ink 7">
                  <a:extLst>
                    <a:ext uri="{FF2B5EF4-FFF2-40B4-BE49-F238E27FC236}">
                      <a16:creationId xmlns:a16="http://schemas.microsoft.com/office/drawing/2014/main" id="{423B1C16-1DE5-C4C9-F985-0DDCBF47BAAC}"/>
                    </a:ext>
                  </a:extLst>
                </p14:cNvPr>
                <p14:cNvContentPartPr/>
                <p14:nvPr/>
              </p14:nvContentPartPr>
              <p14:xfrm>
                <a:off x="1858762" y="5154202"/>
                <a:ext cx="702000" cy="851400"/>
              </p14:xfrm>
            </p:contentPart>
          </mc:Choice>
          <mc:Fallback>
            <p:pic>
              <p:nvPicPr>
                <p:cNvPr id="8" name="Ink 7">
                  <a:extLst>
                    <a:ext uri="{FF2B5EF4-FFF2-40B4-BE49-F238E27FC236}">
                      <a16:creationId xmlns:a16="http://schemas.microsoft.com/office/drawing/2014/main" id="{423B1C16-1DE5-C4C9-F985-0DDCBF47BAAC}"/>
                    </a:ext>
                  </a:extLst>
                </p:cNvPr>
                <p:cNvPicPr/>
                <p:nvPr/>
              </p:nvPicPr>
              <p:blipFill>
                <a:blip r:embed="rId7"/>
                <a:stretch>
                  <a:fillRect/>
                </a:stretch>
              </p:blipFill>
              <p:spPr>
                <a:xfrm>
                  <a:off x="1849762" y="5145562"/>
                  <a:ext cx="719640" cy="86904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381373888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155112-AE24-3320-74CD-8E8ABD98A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Friday – lecture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CA32FD-B222-AF25-458C-B6CD73FA2A8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ore about substitution models, and phylogenetic methods </a:t>
            </a: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26BB90-FA63-1C41-F440-E206D35260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2CB8E9-4B6A-0044-ABB3-17B2A5119A8F}" type="datetime1">
              <a:rPr lang="en-GB" smtClean="0"/>
              <a:t>02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205672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39698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A21589-FB20-171F-A329-378DAFCCDD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Primate of the</a:t>
            </a:r>
            <a:br>
              <a:rPr lang="en-DK" dirty="0"/>
            </a:br>
            <a:r>
              <a:rPr lang="en-DK" dirty="0"/>
              <a:t> Wee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5765AC9-C3D8-3E0F-17B8-8E3659A7C5A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8502" y="1916832"/>
            <a:ext cx="4100462" cy="3937484"/>
          </a:xfrm>
        </p:spPr>
        <p:txBody>
          <a:bodyPr/>
          <a:lstStyle/>
          <a:p>
            <a:r>
              <a:rPr lang="en-DK" dirty="0"/>
              <a:t>Bonobo </a:t>
            </a:r>
          </a:p>
          <a:p>
            <a:endParaRPr lang="en-DK" i="1" dirty="0"/>
          </a:p>
          <a:p>
            <a:r>
              <a:rPr lang="en-DK" i="1" dirty="0"/>
              <a:t>Pan Paniscus</a:t>
            </a:r>
          </a:p>
          <a:p>
            <a:endParaRPr lang="en-DK" i="1" dirty="0"/>
          </a:p>
          <a:p>
            <a:r>
              <a:rPr lang="en-DK" dirty="0"/>
              <a:t>Hippie of the great apes</a:t>
            </a:r>
          </a:p>
          <a:p>
            <a:endParaRPr lang="en-DK" i="1" dirty="0"/>
          </a:p>
          <a:p>
            <a:pPr marL="252000" lvl="1" indent="0">
              <a:buNone/>
            </a:pPr>
            <a:r>
              <a:rPr lang="en-DK" i="1" dirty="0"/>
              <a:t>Make love not war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E030E74-81AB-3E6F-CEBE-78DD66D1B2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0C34056-17A0-4C45-B945-644AE25D63C3}" type="datetime1">
              <a:rPr lang="en-GB" smtClean="0"/>
              <a:t>02/09/2025</a:t>
            </a:fld>
            <a:endParaRPr lang="en-GB" dirty="0"/>
          </a:p>
        </p:txBody>
      </p:sp>
      <p:pic>
        <p:nvPicPr>
          <p:cNvPr id="1026" name="Picture 2" descr="Bonobo - Wikipedia">
            <a:extLst>
              <a:ext uri="{FF2B5EF4-FFF2-40B4-BE49-F238E27FC236}">
                <a16:creationId xmlns:a16="http://schemas.microsoft.com/office/drawing/2014/main" id="{459DB063-173D-0D46-59F3-814B657C18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8964" y="-350790"/>
            <a:ext cx="7703298" cy="75595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Graphic 5" descr="Sparkling Heart outline">
            <a:extLst>
              <a:ext uri="{FF2B5EF4-FFF2-40B4-BE49-F238E27FC236}">
                <a16:creationId xmlns:a16="http://schemas.microsoft.com/office/drawing/2014/main" id="{247E5D2E-90D8-F0E3-BE99-8F5D8F4F2F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73720" y="4509120"/>
            <a:ext cx="914400" cy="914400"/>
          </a:xfrm>
          <a:prstGeom prst="rect">
            <a:avLst/>
          </a:prstGeom>
        </p:spPr>
      </p:pic>
      <p:pic>
        <p:nvPicPr>
          <p:cNvPr id="8" name="Graphic 7" descr="Peace Sign outline">
            <a:extLst>
              <a:ext uri="{FF2B5EF4-FFF2-40B4-BE49-F238E27FC236}">
                <a16:creationId xmlns:a16="http://schemas.microsoft.com/office/drawing/2014/main" id="{C7C732F0-C797-5A99-87D3-685C030819B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612084" y="4516471"/>
            <a:ext cx="914400" cy="914400"/>
          </a:xfrm>
          <a:prstGeom prst="rect">
            <a:avLst/>
          </a:prstGeom>
        </p:spPr>
      </p:pic>
      <p:pic>
        <p:nvPicPr>
          <p:cNvPr id="10" name="Graphic 9" descr="Peace Gesture outline">
            <a:extLst>
              <a:ext uri="{FF2B5EF4-FFF2-40B4-BE49-F238E27FC236}">
                <a16:creationId xmlns:a16="http://schemas.microsoft.com/office/drawing/2014/main" id="{6566B2EA-A2E2-B401-2D9F-608882DDB5B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642902" y="4531925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22263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ucleotide substitutions 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ivergent sequences</a:t>
            </a:r>
          </a:p>
          <a:p>
            <a:endParaRPr lang="en-GB" dirty="0"/>
          </a:p>
          <a:p>
            <a:endParaRPr lang="en-GB" dirty="0"/>
          </a:p>
          <a:p>
            <a:r>
              <a:rPr lang="en-GB" b="1" dirty="0"/>
              <a:t>AGATGCTAGCATCGACTAGCARCAGCTGACCCGCGCGCGCAT</a:t>
            </a:r>
          </a:p>
          <a:p>
            <a:r>
              <a:rPr lang="en-GB" b="1" dirty="0"/>
              <a:t>AGAT</a:t>
            </a:r>
            <a:r>
              <a:rPr lang="en-GB" b="1" dirty="0">
                <a:solidFill>
                  <a:srgbClr val="FF0000"/>
                </a:solidFill>
              </a:rPr>
              <a:t>AA</a:t>
            </a:r>
            <a:r>
              <a:rPr lang="en-GB" b="1" dirty="0"/>
              <a:t>TAGCATCGACTAGCARCAGC</a:t>
            </a:r>
            <a:r>
              <a:rPr lang="en-GB" b="1" dirty="0">
                <a:solidFill>
                  <a:srgbClr val="FF0000"/>
                </a:solidFill>
              </a:rPr>
              <a:t>G</a:t>
            </a:r>
            <a:r>
              <a:rPr lang="en-GB" b="1" dirty="0"/>
              <a:t>GACCCGCGCGCGCA</a:t>
            </a:r>
            <a:r>
              <a:rPr lang="en-GB" b="1" dirty="0">
                <a:solidFill>
                  <a:srgbClr val="FF0000"/>
                </a:solidFill>
              </a:rPr>
              <a:t>C</a:t>
            </a:r>
          </a:p>
          <a:p>
            <a:endParaRPr lang="en-GB" dirty="0">
              <a:solidFill>
                <a:srgbClr val="FF0000"/>
              </a:solidFill>
            </a:endParaRPr>
          </a:p>
          <a:p>
            <a:r>
              <a:rPr lang="en-GB" dirty="0"/>
              <a:t>Different substitution models to explain this</a:t>
            </a:r>
          </a:p>
        </p:txBody>
      </p:sp>
      <p:pic>
        <p:nvPicPr>
          <p:cNvPr id="7" name="Picture 6" descr="A diagram of a dna sequence&#10;&#10;AI-generated content may be incorrect.">
            <a:extLst>
              <a:ext uri="{FF2B5EF4-FFF2-40B4-BE49-F238E27FC236}">
                <a16:creationId xmlns:a16="http://schemas.microsoft.com/office/drawing/2014/main" id="{1BAFEAF8-0BEB-C24C-3530-6995542A21E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740" y="999642"/>
            <a:ext cx="2948834" cy="489792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8CD5AE01-5860-1B7B-B8CF-068FA70ADF4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54076" y="3822380"/>
            <a:ext cx="6692280" cy="28865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A7ED98-5F20-ACFA-7ADF-DEE548C0C5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ubstitution models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2772B6-0506-8507-73FD-C19BDC8F54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09537" y="1748290"/>
            <a:ext cx="10220325" cy="3937484"/>
          </a:xfrm>
        </p:spPr>
        <p:txBody>
          <a:bodyPr/>
          <a:lstStyle/>
          <a:p>
            <a:r>
              <a:rPr lang="en-DK" dirty="0"/>
              <a:t>D-estimation -&gt; proportion of nucleotide sites that differ </a:t>
            </a:r>
          </a:p>
          <a:p>
            <a:endParaRPr lang="en-DK" dirty="0"/>
          </a:p>
          <a:p>
            <a:r>
              <a:rPr lang="en-DK" dirty="0"/>
              <a:t>Jukes-Cantor -&gt; corrects for multiple &amp; reverse changes</a:t>
            </a:r>
          </a:p>
          <a:p>
            <a:pPr marL="252000" lvl="1" indent="0">
              <a:buNone/>
            </a:pPr>
            <a:r>
              <a:rPr lang="en-DK" i="1" dirty="0"/>
              <a:t>+ separate rates for </a:t>
            </a:r>
            <a:r>
              <a:rPr lang="en-DK" b="1" i="1" dirty="0"/>
              <a:t>transition</a:t>
            </a:r>
            <a:r>
              <a:rPr lang="en-DK" i="1" dirty="0"/>
              <a:t> (A&lt;-&gt; G or C&lt;-&gt;T) and </a:t>
            </a:r>
            <a:r>
              <a:rPr lang="en-DK" b="1" i="1" dirty="0"/>
              <a:t>transversions</a:t>
            </a:r>
            <a:r>
              <a:rPr lang="en-DK" i="1" dirty="0"/>
              <a:t> </a:t>
            </a:r>
          </a:p>
          <a:p>
            <a:r>
              <a:rPr lang="en-DK" dirty="0"/>
              <a:t>Kimura’s 2 parameter model</a:t>
            </a:r>
          </a:p>
          <a:p>
            <a:pPr marL="252000" lvl="1" indent="0">
              <a:buNone/>
            </a:pPr>
            <a:r>
              <a:rPr lang="en-DK" dirty="0"/>
              <a:t>+</a:t>
            </a:r>
            <a:r>
              <a:rPr lang="en-US" i="1" dirty="0"/>
              <a:t> Different equilibrium </a:t>
            </a:r>
            <a:r>
              <a:rPr lang="en-US" b="1" i="1" dirty="0"/>
              <a:t>frequency</a:t>
            </a:r>
            <a:r>
              <a:rPr lang="en-US" i="1" dirty="0"/>
              <a:t> distribution </a:t>
            </a:r>
            <a:endParaRPr lang="en-DK" dirty="0"/>
          </a:p>
          <a:p>
            <a:r>
              <a:rPr lang="en-DK" dirty="0"/>
              <a:t>HKY85</a:t>
            </a:r>
          </a:p>
          <a:p>
            <a:pPr marL="252000" lvl="1" indent="0">
              <a:buNone/>
            </a:pPr>
            <a:r>
              <a:rPr lang="en-DK" dirty="0"/>
              <a:t>+ </a:t>
            </a:r>
            <a:r>
              <a:rPr lang="en-DK" b="1" dirty="0"/>
              <a:t>variability</a:t>
            </a:r>
            <a:r>
              <a:rPr lang="en-DK" dirty="0"/>
              <a:t> among sites</a:t>
            </a:r>
          </a:p>
          <a:p>
            <a:r>
              <a:rPr lang="en-GB" dirty="0"/>
              <a:t>*M</a:t>
            </a:r>
            <a:r>
              <a:rPr lang="en-DK" dirty="0"/>
              <a:t>odel* + Gamma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4ABFBE1-93D7-A9EB-BA89-669B349EFD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9FBE9F-9165-F64B-BEE2-63A7827CE899}" type="datetime1">
              <a:rPr lang="en-GB" smtClean="0"/>
              <a:t>02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48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E5065B-F8D6-560B-95F2-24B4B43424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ubstitution models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8961856-46CC-4CE6-519C-230FEB091A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4CE436-41BA-B745-A9D0-2AC3CE7908D8}" type="datetime1">
              <a:rPr lang="en-GB" smtClean="0"/>
              <a:t>02/09/2025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AE7BDAE-436C-565F-77CA-0E1431F1A98B}"/>
              </a:ext>
            </a:extLst>
          </p:cNvPr>
          <p:cNvSpPr txBox="1"/>
          <p:nvPr/>
        </p:nvSpPr>
        <p:spPr>
          <a:xfrm>
            <a:off x="549796" y="3409007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Jukes-Cantor 69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JC69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B4EC374-CA3D-83CB-E85F-CEBC6108E720}"/>
              </a:ext>
            </a:extLst>
          </p:cNvPr>
          <p:cNvSpPr txBox="1"/>
          <p:nvPr/>
        </p:nvSpPr>
        <p:spPr>
          <a:xfrm>
            <a:off x="693812" y="3947868"/>
            <a:ext cx="2016224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GB" sz="1600" i="1" dirty="0">
                <a:latin typeface="+mn-lt"/>
              </a:rPr>
              <a:t>S</a:t>
            </a:r>
            <a:r>
              <a:rPr lang="en-DK" sz="1600" i="1" dirty="0">
                <a:latin typeface="+mn-lt"/>
              </a:rPr>
              <a:t>ingle rate of substitutions 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EB0BEBA-7535-8748-0923-4ED4C8C2B716}"/>
              </a:ext>
            </a:extLst>
          </p:cNvPr>
          <p:cNvSpPr txBox="1"/>
          <p:nvPr/>
        </p:nvSpPr>
        <p:spPr>
          <a:xfrm>
            <a:off x="3214092" y="5095408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Kimura 80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K80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3E678EA-48AF-20EF-53FA-518A47F82A38}"/>
              </a:ext>
            </a:extLst>
          </p:cNvPr>
          <p:cNvSpPr txBox="1"/>
          <p:nvPr/>
        </p:nvSpPr>
        <p:spPr>
          <a:xfrm>
            <a:off x="3124225" y="2129866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Felsenstein 81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F81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808FF34-7F56-7922-0F45-53F76CE5334E}"/>
              </a:ext>
            </a:extLst>
          </p:cNvPr>
          <p:cNvSpPr txBox="1"/>
          <p:nvPr/>
        </p:nvSpPr>
        <p:spPr>
          <a:xfrm>
            <a:off x="6226725" y="3365749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Hasegawa 1985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HKY85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7EC0323-85B4-6200-0D3F-54BF95C6D004}"/>
              </a:ext>
            </a:extLst>
          </p:cNvPr>
          <p:cNvSpPr txBox="1"/>
          <p:nvPr/>
        </p:nvSpPr>
        <p:spPr>
          <a:xfrm>
            <a:off x="9415784" y="3947868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Tamura and Nei 1993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TN93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F24C6E1-DE59-4701-2509-93D6C2F75EAB}"/>
              </a:ext>
            </a:extLst>
          </p:cNvPr>
          <p:cNvSpPr txBox="1"/>
          <p:nvPr/>
        </p:nvSpPr>
        <p:spPr>
          <a:xfrm>
            <a:off x="3124224" y="2803993"/>
            <a:ext cx="2322115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for each nucleotide</a:t>
            </a:r>
            <a:endParaRPr lang="en-DK" sz="1600" i="1" dirty="0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B0FF1E-9594-8761-5B8A-982E2B020B6B}"/>
              </a:ext>
            </a:extLst>
          </p:cNvPr>
          <p:cNvSpPr txBox="1"/>
          <p:nvPr/>
        </p:nvSpPr>
        <p:spPr>
          <a:xfrm>
            <a:off x="3278784" y="5563228"/>
            <a:ext cx="2322114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Separate rates for transitions and transversions</a:t>
            </a:r>
            <a:endParaRPr lang="en-DK" sz="1600" i="1" dirty="0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FDF1D97-90D1-5F35-6C99-45AF87C93A68}"/>
              </a:ext>
            </a:extLst>
          </p:cNvPr>
          <p:cNvSpPr txBox="1"/>
          <p:nvPr/>
        </p:nvSpPr>
        <p:spPr>
          <a:xfrm>
            <a:off x="6232430" y="3904610"/>
            <a:ext cx="2207716" cy="9356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distribution AND unequal transition and transversion rates</a:t>
            </a:r>
            <a:endParaRPr lang="en-DK" sz="1600" i="1" dirty="0"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5CEEF98-E3D1-5861-3751-ABF1F353B8E9}"/>
              </a:ext>
            </a:extLst>
          </p:cNvPr>
          <p:cNvSpPr txBox="1"/>
          <p:nvPr/>
        </p:nvSpPr>
        <p:spPr>
          <a:xfrm>
            <a:off x="9398199" y="4598760"/>
            <a:ext cx="2322113" cy="11695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distribution AND unequal transition and transversion rates for pyrimidines and purines</a:t>
            </a:r>
            <a:endParaRPr lang="en-DK" sz="1600" i="1" dirty="0">
              <a:latin typeface="+mn-lt"/>
            </a:endParaRPr>
          </a:p>
        </p:txBody>
      </p:sp>
      <p:cxnSp>
        <p:nvCxnSpPr>
          <p:cNvPr id="17" name="Elbow Connector 16">
            <a:extLst>
              <a:ext uri="{FF2B5EF4-FFF2-40B4-BE49-F238E27FC236}">
                <a16:creationId xmlns:a16="http://schemas.microsoft.com/office/drawing/2014/main" id="{55FC34C8-1AFC-163C-C303-E2AD0D092F1C}"/>
              </a:ext>
            </a:extLst>
          </p:cNvPr>
          <p:cNvCxnSpPr/>
          <p:nvPr/>
        </p:nvCxnSpPr>
        <p:spPr bwMode="auto">
          <a:xfrm flipV="1">
            <a:off x="1701924" y="2276872"/>
            <a:ext cx="1512168" cy="877986"/>
          </a:xfrm>
          <a:prstGeom prst="bentConnector3">
            <a:avLst>
              <a:gd name="adj1" fmla="val -77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0" name="Elbow Connector 19">
            <a:extLst>
              <a:ext uri="{FF2B5EF4-FFF2-40B4-BE49-F238E27FC236}">
                <a16:creationId xmlns:a16="http://schemas.microsoft.com/office/drawing/2014/main" id="{E56A2654-99C0-E5BA-D9FC-53DE7212AAE4}"/>
              </a:ext>
            </a:extLst>
          </p:cNvPr>
          <p:cNvCxnSpPr>
            <a:cxnSpLocks/>
          </p:cNvCxnSpPr>
          <p:nvPr/>
        </p:nvCxnSpPr>
        <p:spPr bwMode="auto">
          <a:xfrm>
            <a:off x="1629569" y="4818257"/>
            <a:ext cx="1656877" cy="730558"/>
          </a:xfrm>
          <a:prstGeom prst="bentConnector3">
            <a:avLst>
              <a:gd name="adj1" fmla="val -14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Elbow Connector 23">
            <a:extLst>
              <a:ext uri="{FF2B5EF4-FFF2-40B4-BE49-F238E27FC236}">
                <a16:creationId xmlns:a16="http://schemas.microsoft.com/office/drawing/2014/main" id="{72730FF7-49BB-4BD5-CC1E-0994F56CCE48}"/>
              </a:ext>
            </a:extLst>
          </p:cNvPr>
          <p:cNvCxnSpPr>
            <a:cxnSpLocks/>
          </p:cNvCxnSpPr>
          <p:nvPr/>
        </p:nvCxnSpPr>
        <p:spPr bwMode="auto">
          <a:xfrm>
            <a:off x="6022404" y="2442681"/>
            <a:ext cx="1365378" cy="712177"/>
          </a:xfrm>
          <a:prstGeom prst="bentConnector3">
            <a:avLst>
              <a:gd name="adj1" fmla="val 100228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9" name="Elbow Connector 28">
            <a:extLst>
              <a:ext uri="{FF2B5EF4-FFF2-40B4-BE49-F238E27FC236}">
                <a16:creationId xmlns:a16="http://schemas.microsoft.com/office/drawing/2014/main" id="{F11A4AC7-E8B5-36D3-E7D6-E256578C080A}"/>
              </a:ext>
            </a:extLst>
          </p:cNvPr>
          <p:cNvCxnSpPr>
            <a:cxnSpLocks/>
          </p:cNvCxnSpPr>
          <p:nvPr/>
        </p:nvCxnSpPr>
        <p:spPr bwMode="auto">
          <a:xfrm flipV="1">
            <a:off x="6041751" y="5062164"/>
            <a:ext cx="1492821" cy="678711"/>
          </a:xfrm>
          <a:prstGeom prst="bentConnector3">
            <a:avLst>
              <a:gd name="adj1" fmla="val 100725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2" name="Elbow Connector 31">
            <a:extLst>
              <a:ext uri="{FF2B5EF4-FFF2-40B4-BE49-F238E27FC236}">
                <a16:creationId xmlns:a16="http://schemas.microsoft.com/office/drawing/2014/main" id="{8D986AAF-4AA7-4087-73EC-789FB100834E}"/>
              </a:ext>
            </a:extLst>
          </p:cNvPr>
          <p:cNvCxnSpPr>
            <a:cxnSpLocks/>
          </p:cNvCxnSpPr>
          <p:nvPr/>
        </p:nvCxnSpPr>
        <p:spPr bwMode="auto">
          <a:xfrm>
            <a:off x="8541919" y="4369160"/>
            <a:ext cx="531896" cy="12700"/>
          </a:xfrm>
          <a:prstGeom prst="bentConnector3">
            <a:avLst>
              <a:gd name="adj1" fmla="val 50000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2" name="TextBox 41">
            <a:extLst>
              <a:ext uri="{FF2B5EF4-FFF2-40B4-BE49-F238E27FC236}">
                <a16:creationId xmlns:a16="http://schemas.microsoft.com/office/drawing/2014/main" id="{E15F206B-08AA-A705-1213-513816DCA74E}"/>
              </a:ext>
            </a:extLst>
          </p:cNvPr>
          <p:cNvSpPr txBox="1"/>
          <p:nvPr/>
        </p:nvSpPr>
        <p:spPr>
          <a:xfrm>
            <a:off x="9348338" y="608952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+ Gamma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+G 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4DD5795C-411E-4EA3-7697-DB2CB32C5DF1}"/>
              </a:ext>
            </a:extLst>
          </p:cNvPr>
          <p:cNvSpPr txBox="1"/>
          <p:nvPr/>
        </p:nvSpPr>
        <p:spPr>
          <a:xfrm>
            <a:off x="9389491" y="1195869"/>
            <a:ext cx="2322113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Variation in substation rates across sequence</a:t>
            </a:r>
            <a:endParaRPr lang="en-DK" sz="1600" i="1" dirty="0">
              <a:latin typeface="+mn-lt"/>
            </a:endParaRPr>
          </a:p>
        </p:txBody>
      </p:sp>
      <p:cxnSp>
        <p:nvCxnSpPr>
          <p:cNvPr id="44" name="Elbow Connector 43">
            <a:extLst>
              <a:ext uri="{FF2B5EF4-FFF2-40B4-BE49-F238E27FC236}">
                <a16:creationId xmlns:a16="http://schemas.microsoft.com/office/drawing/2014/main" id="{3AC645CC-BD8E-AEE2-DAE5-011FFE650C5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10027545" y="2393781"/>
            <a:ext cx="963700" cy="12698"/>
          </a:xfrm>
          <a:prstGeom prst="bentConnector3">
            <a:avLst>
              <a:gd name="adj1" fmla="val 50000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958029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EE1A2D-450B-0BD7-DD35-D834C0D2C6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</a:t>
            </a:r>
            <a:r>
              <a:rPr lang="en-DK" dirty="0"/>
              <a:t>ifferent methods – </a:t>
            </a:r>
            <a:br>
              <a:rPr lang="en-DK" dirty="0"/>
            </a:br>
            <a:r>
              <a:rPr lang="en-DK" dirty="0"/>
              <a:t>				phylogenetic tre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9EFF3B1-998B-3411-8587-69CB3252C24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b="1" dirty="0">
                <a:solidFill>
                  <a:srgbClr val="00B050"/>
                </a:solidFill>
              </a:rPr>
              <a:t>Distance method</a:t>
            </a:r>
          </a:p>
          <a:p>
            <a:pPr lvl="1"/>
            <a:r>
              <a:rPr lang="en-DK" dirty="0"/>
              <a:t>UPGMA</a:t>
            </a:r>
          </a:p>
          <a:p>
            <a:pPr lvl="1"/>
            <a:r>
              <a:rPr lang="en-DK" dirty="0"/>
              <a:t>Neighbor joning </a:t>
            </a:r>
          </a:p>
          <a:p>
            <a:endParaRPr lang="en-DK" b="1" dirty="0">
              <a:solidFill>
                <a:srgbClr val="00B050"/>
              </a:solidFill>
            </a:endParaRPr>
          </a:p>
          <a:p>
            <a:r>
              <a:rPr lang="en-DK" b="1" dirty="0">
                <a:solidFill>
                  <a:srgbClr val="00B050"/>
                </a:solidFill>
              </a:rPr>
              <a:t>Parsimony method </a:t>
            </a:r>
          </a:p>
          <a:p>
            <a:pPr lvl="1"/>
            <a:r>
              <a:rPr lang="en-DK" dirty="0"/>
              <a:t>Maximum parsimony</a:t>
            </a:r>
          </a:p>
          <a:p>
            <a:endParaRPr lang="en-DK" dirty="0"/>
          </a:p>
          <a:p>
            <a:r>
              <a:rPr lang="en-DK" dirty="0"/>
              <a:t>Likelihood method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3B0A8AD-4258-9097-66EC-BF5CBD6BDC2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0E8017B-2F6F-EA4A-8E6D-CBEDE62F2770}" type="datetime1">
              <a:rPr lang="en-GB" smtClean="0"/>
              <a:t>02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45252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B6268B-58AA-2B1C-63DC-3610639843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Order to build phylogenetic tre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E673CB-98B7-CF1F-9BB2-8E9265BE96D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9756" y="2924944"/>
            <a:ext cx="1292150" cy="1309328"/>
          </a:xfrm>
        </p:spPr>
        <p:txBody>
          <a:bodyPr/>
          <a:lstStyle/>
          <a:p>
            <a:pPr algn="ctr"/>
            <a:r>
              <a:rPr lang="en-DK" dirty="0"/>
              <a:t>Nucleotide sequenc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A8CF42-9774-6AC2-9CD4-AB7E7EE3F7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7862EF9-C537-164C-B18C-547D8270A381}" type="datetime1">
              <a:rPr lang="en-GB" smtClean="0"/>
              <a:t>02/09/2025</a:t>
            </a:fld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AF0E805D-70BE-40FC-C5A0-FA68A5DC5D88}"/>
              </a:ext>
            </a:extLst>
          </p:cNvPr>
          <p:cNvSpPr txBox="1">
            <a:spLocks/>
          </p:cNvSpPr>
          <p:nvPr/>
        </p:nvSpPr>
        <p:spPr bwMode="auto">
          <a:xfrm>
            <a:off x="2205980" y="2924944"/>
            <a:ext cx="129215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algn="ctr"/>
            <a:r>
              <a:rPr lang="en-DK" b="1" kern="0" dirty="0"/>
              <a:t>Aligned</a:t>
            </a:r>
            <a:r>
              <a:rPr lang="en-DK" kern="0" dirty="0"/>
              <a:t> Sequence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F52493F-02A6-3133-AB79-F4605EF7D58D}"/>
              </a:ext>
            </a:extLst>
          </p:cNvPr>
          <p:cNvSpPr txBox="1">
            <a:spLocks/>
          </p:cNvSpPr>
          <p:nvPr/>
        </p:nvSpPr>
        <p:spPr bwMode="auto">
          <a:xfrm>
            <a:off x="4148199" y="2773200"/>
            <a:ext cx="1584176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algn="ctr"/>
            <a:r>
              <a:rPr lang="en-DK" kern="0" dirty="0"/>
              <a:t>Fit nucleotide substitution </a:t>
            </a:r>
            <a:r>
              <a:rPr lang="en-DK" b="1" kern="0" dirty="0"/>
              <a:t>model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C859E170-F006-56BC-2E9B-A2808ECA5805}"/>
              </a:ext>
            </a:extLst>
          </p:cNvPr>
          <p:cNvSpPr txBox="1">
            <a:spLocks/>
          </p:cNvSpPr>
          <p:nvPr/>
        </p:nvSpPr>
        <p:spPr bwMode="auto">
          <a:xfrm>
            <a:off x="6382444" y="2774336"/>
            <a:ext cx="1728192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algn="ctr"/>
            <a:r>
              <a:rPr lang="en-DK" kern="0" dirty="0"/>
              <a:t>Calculate </a:t>
            </a:r>
            <a:r>
              <a:rPr lang="en-DK" b="1" kern="0" dirty="0"/>
              <a:t>distance matrix </a:t>
            </a:r>
            <a:r>
              <a:rPr lang="en-DK" kern="0" dirty="0"/>
              <a:t>under the model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6F563B9-EB7D-FFC1-496F-54E5F46A45AD}"/>
              </a:ext>
            </a:extLst>
          </p:cNvPr>
          <p:cNvSpPr txBox="1">
            <a:spLocks/>
          </p:cNvSpPr>
          <p:nvPr/>
        </p:nvSpPr>
        <p:spPr bwMode="auto">
          <a:xfrm>
            <a:off x="9410774" y="2774336"/>
            <a:ext cx="1728192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algn="ctr"/>
            <a:r>
              <a:rPr lang="en-DK" kern="0" dirty="0"/>
              <a:t>Build </a:t>
            </a:r>
            <a:r>
              <a:rPr lang="en-DK" b="1" kern="0" dirty="0"/>
              <a:t>phylogenetic tree </a:t>
            </a:r>
            <a:r>
              <a:rPr lang="en-DK" kern="0" dirty="0"/>
              <a:t>based on distance matrix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4248D654-434A-B956-ECE1-3DCD342F1AE1}"/>
              </a:ext>
            </a:extLst>
          </p:cNvPr>
          <p:cNvCxnSpPr/>
          <p:nvPr/>
        </p:nvCxnSpPr>
        <p:spPr bwMode="auto">
          <a:xfrm>
            <a:off x="1629916" y="3140968"/>
            <a:ext cx="576064" cy="0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511DCF6C-7918-CB7D-DF25-16F1908F9E70}"/>
              </a:ext>
            </a:extLst>
          </p:cNvPr>
          <p:cNvCxnSpPr/>
          <p:nvPr/>
        </p:nvCxnSpPr>
        <p:spPr bwMode="auto">
          <a:xfrm>
            <a:off x="3498130" y="3153254"/>
            <a:ext cx="576064" cy="0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27DE6774-521A-476A-764A-9C37044141D5}"/>
              </a:ext>
            </a:extLst>
          </p:cNvPr>
          <p:cNvCxnSpPr/>
          <p:nvPr/>
        </p:nvCxnSpPr>
        <p:spPr bwMode="auto">
          <a:xfrm>
            <a:off x="5950396" y="3153254"/>
            <a:ext cx="576064" cy="0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37C7E207-AC58-C1AC-9FAB-CB0F843931DC}"/>
              </a:ext>
            </a:extLst>
          </p:cNvPr>
          <p:cNvCxnSpPr/>
          <p:nvPr/>
        </p:nvCxnSpPr>
        <p:spPr bwMode="auto">
          <a:xfrm>
            <a:off x="8470676" y="3212976"/>
            <a:ext cx="576064" cy="0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triangle"/>
          </a:ln>
          <a:effectLst/>
        </p:spPr>
      </p:cxnSp>
      <p:pic>
        <p:nvPicPr>
          <p:cNvPr id="17" name="Picture 16" descr="A table with numbers and letters&#10;&#10;AI-generated content may be incorrect.">
            <a:extLst>
              <a:ext uri="{FF2B5EF4-FFF2-40B4-BE49-F238E27FC236}">
                <a16:creationId xmlns:a16="http://schemas.microsoft.com/office/drawing/2014/main" id="{BB7BA494-A193-5CC1-208A-1AD0D1E5A0E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44036" y="4357054"/>
            <a:ext cx="4124660" cy="1309309"/>
          </a:xfrm>
          <a:prstGeom prst="rect">
            <a:avLst/>
          </a:prstGeom>
        </p:spPr>
      </p:pic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E5F03EF3-2421-33FD-7636-605C92EC385D}"/>
              </a:ext>
            </a:extLst>
          </p:cNvPr>
          <p:cNvCxnSpPr>
            <a:cxnSpLocks/>
          </p:cNvCxnSpPr>
          <p:nvPr/>
        </p:nvCxnSpPr>
        <p:spPr bwMode="auto">
          <a:xfrm>
            <a:off x="10850934" y="4091518"/>
            <a:ext cx="0" cy="633626"/>
          </a:xfrm>
          <a:prstGeom prst="straightConnector1">
            <a:avLst/>
          </a:prstGeom>
          <a:solidFill>
            <a:schemeClr val="accent2"/>
          </a:solidFill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FE4F3084-D10E-6E96-191B-16FFAFE322D1}"/>
              </a:ext>
            </a:extLst>
          </p:cNvPr>
          <p:cNvSpPr txBox="1">
            <a:spLocks/>
          </p:cNvSpPr>
          <p:nvPr/>
        </p:nvSpPr>
        <p:spPr bwMode="auto">
          <a:xfrm>
            <a:off x="9986838" y="4999814"/>
            <a:ext cx="1728192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algn="ctr"/>
            <a:r>
              <a:rPr lang="en-DK" kern="0" dirty="0"/>
              <a:t>What kind of tree? </a:t>
            </a:r>
          </a:p>
        </p:txBody>
      </p:sp>
    </p:spTree>
    <p:extLst>
      <p:ext uri="{BB962C8B-B14F-4D97-AF65-F5344CB8AC3E}">
        <p14:creationId xmlns:p14="http://schemas.microsoft.com/office/powerpoint/2010/main" val="95718926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ED995D-7EE2-299F-7E4A-CE14978A73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UPGM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F3FA455-E65C-A1CA-1ECA-F294E7FFF4B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09836" y="1844824"/>
            <a:ext cx="10220325" cy="3937484"/>
          </a:xfrm>
        </p:spPr>
        <p:txBody>
          <a:bodyPr/>
          <a:lstStyle/>
          <a:p>
            <a:r>
              <a:rPr lang="en-GB" dirty="0"/>
              <a:t>A</a:t>
            </a:r>
            <a:r>
              <a:rPr lang="en-DK" dirty="0"/>
              <a:t>ssumption: evolution rates are constant</a:t>
            </a:r>
          </a:p>
          <a:p>
            <a:endParaRPr lang="en-DK" dirty="0"/>
          </a:p>
          <a:p>
            <a:r>
              <a:rPr lang="en-GB" dirty="0"/>
              <a:t>S</a:t>
            </a:r>
            <a:r>
              <a:rPr lang="en-DK" dirty="0"/>
              <a:t>equentially clustering </a:t>
            </a:r>
          </a:p>
          <a:p>
            <a:pPr marL="252000" lvl="1" indent="0">
              <a:buNone/>
            </a:pPr>
            <a:r>
              <a:rPr lang="en-DK" dirty="0">
                <a:sym typeface="Wingdings" pitchFamily="2" charset="2"/>
              </a:rPr>
              <a:t></a:t>
            </a:r>
            <a:r>
              <a:rPr lang="en-DK" dirty="0"/>
              <a:t> Start with the most similar ones (least distant) </a:t>
            </a:r>
            <a:r>
              <a:rPr lang="en-DK" dirty="0">
                <a:sym typeface="Wingdings" pitchFamily="2" charset="2"/>
              </a:rPr>
              <a:t></a:t>
            </a:r>
            <a:r>
              <a:rPr lang="en-DK" dirty="0"/>
              <a:t> they are now one unit </a:t>
            </a:r>
          </a:p>
          <a:p>
            <a:pPr lvl="1">
              <a:buFont typeface="Wingdings" pitchFamily="2" charset="2"/>
              <a:buChar char="à"/>
            </a:pPr>
            <a:r>
              <a:rPr lang="en-GB" dirty="0">
                <a:sym typeface="Wingdings" pitchFamily="2" charset="2"/>
              </a:rPr>
              <a:t> R</a:t>
            </a:r>
            <a:r>
              <a:rPr lang="en-DK" dirty="0">
                <a:sym typeface="Wingdings" pitchFamily="2" charset="2"/>
              </a:rPr>
              <a:t>ecalculate distance matrix </a:t>
            </a:r>
          </a:p>
          <a:p>
            <a:pPr lvl="1">
              <a:buFont typeface="Wingdings" pitchFamily="2" charset="2"/>
              <a:buChar char="à"/>
            </a:pPr>
            <a:r>
              <a:rPr lang="en-DK" dirty="0"/>
              <a:t> Add the next most similar one </a:t>
            </a:r>
          </a:p>
          <a:p>
            <a:pPr lvl="1">
              <a:buFont typeface="Wingdings" pitchFamily="2" charset="2"/>
              <a:buChar char="à"/>
            </a:pPr>
            <a:r>
              <a:rPr lang="en-DK" dirty="0"/>
              <a:t>Repeat until you are only left with 2 unit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CF6AC59-18B6-6757-C2FB-0886F12365F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2926B01-8598-AA41-886D-E7F949CA82AC}" type="datetime1">
              <a:rPr lang="en-GB" smtClean="0"/>
              <a:t>02/09/2025</a:t>
            </a:fld>
            <a:endParaRPr lang="en-GB" dirty="0"/>
          </a:p>
        </p:txBody>
      </p:sp>
      <p:pic>
        <p:nvPicPr>
          <p:cNvPr id="6" name="Picture 5" descr="A page of a book with text and images&#10;&#10;AI-generated content may be incorrect.">
            <a:extLst>
              <a:ext uri="{FF2B5EF4-FFF2-40B4-BE49-F238E27FC236}">
                <a16:creationId xmlns:a16="http://schemas.microsoft.com/office/drawing/2014/main" id="{ED14909E-CE97-539D-CE77-E3CBA60824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250" t="42108" r="75200" b="29892"/>
          <a:stretch>
            <a:fillRect/>
          </a:stretch>
        </p:blipFill>
        <p:spPr>
          <a:xfrm rot="5400000">
            <a:off x="1338315" y="4139258"/>
            <a:ext cx="1080120" cy="1963860"/>
          </a:xfrm>
          <a:prstGeom prst="rect">
            <a:avLst/>
          </a:prstGeom>
        </p:spPr>
      </p:pic>
      <p:pic>
        <p:nvPicPr>
          <p:cNvPr id="7" name="Picture 6" descr="A page of a book with text and images&#10;&#10;AI-generated content may be incorrect.">
            <a:extLst>
              <a:ext uri="{FF2B5EF4-FFF2-40B4-BE49-F238E27FC236}">
                <a16:creationId xmlns:a16="http://schemas.microsoft.com/office/drawing/2014/main" id="{F3873882-C29C-4F81-4CA1-B5F71E00D87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7400" t="43231" r="53150" b="31569"/>
          <a:stretch>
            <a:fillRect/>
          </a:stretch>
        </p:blipFill>
        <p:spPr>
          <a:xfrm rot="5400000">
            <a:off x="4709346" y="4041072"/>
            <a:ext cx="1080120" cy="2160233"/>
          </a:xfrm>
          <a:prstGeom prst="rect">
            <a:avLst/>
          </a:prstGeom>
        </p:spPr>
      </p:pic>
      <p:pic>
        <p:nvPicPr>
          <p:cNvPr id="8" name="Picture 7" descr="A page of a book with text and images&#10;&#10;AI-generated content may be incorrect.">
            <a:extLst>
              <a:ext uri="{FF2B5EF4-FFF2-40B4-BE49-F238E27FC236}">
                <a16:creationId xmlns:a16="http://schemas.microsoft.com/office/drawing/2014/main" id="{9100DDDC-9122-C841-B473-7E3FA8AE878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1399" t="21959" r="7601" b="3842"/>
          <a:stretch>
            <a:fillRect/>
          </a:stretch>
        </p:blipFill>
        <p:spPr>
          <a:xfrm rot="5400000">
            <a:off x="8794712" y="3212976"/>
            <a:ext cx="1440160" cy="3816424"/>
          </a:xfrm>
          <a:prstGeom prst="rect">
            <a:avLst/>
          </a:prstGeom>
        </p:spPr>
      </p:pic>
      <p:sp>
        <p:nvSpPr>
          <p:cNvPr id="9" name="Oval 8">
            <a:extLst>
              <a:ext uri="{FF2B5EF4-FFF2-40B4-BE49-F238E27FC236}">
                <a16:creationId xmlns:a16="http://schemas.microsoft.com/office/drawing/2014/main" id="{3E559620-5683-C70D-DC03-DAA1F6552C52}"/>
              </a:ext>
            </a:extLst>
          </p:cNvPr>
          <p:cNvSpPr/>
          <p:nvPr/>
        </p:nvSpPr>
        <p:spPr bwMode="auto">
          <a:xfrm>
            <a:off x="1557908" y="4797152"/>
            <a:ext cx="320467" cy="324036"/>
          </a:xfrm>
          <a:prstGeom prst="ellipse">
            <a:avLst/>
          </a:prstGeom>
          <a:noFill/>
          <a:ln w="1905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451DE35A-6F6A-CA55-7D78-1F7090FBA162}"/>
              </a:ext>
            </a:extLst>
          </p:cNvPr>
          <p:cNvSpPr/>
          <p:nvPr/>
        </p:nvSpPr>
        <p:spPr bwMode="auto">
          <a:xfrm>
            <a:off x="4942284" y="4941168"/>
            <a:ext cx="536491" cy="324036"/>
          </a:xfrm>
          <a:prstGeom prst="ellipse">
            <a:avLst/>
          </a:prstGeom>
          <a:noFill/>
          <a:ln w="1905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15493488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AA4544-55D2-80C9-7979-473A03FA6E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Neighbor-joining method	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AEE442A-45FD-32B9-CCDE-6EC2D44CE8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9" y="1960079"/>
            <a:ext cx="5828654" cy="3937484"/>
          </a:xfrm>
        </p:spPr>
        <p:txBody>
          <a:bodyPr/>
          <a:lstStyle/>
          <a:p>
            <a:r>
              <a:rPr lang="en-GB" dirty="0"/>
              <a:t>F</a:t>
            </a:r>
            <a:r>
              <a:rPr lang="en-DK" dirty="0"/>
              <a:t>inds the shortest (minimum evolution) tree </a:t>
            </a:r>
            <a:r>
              <a:rPr lang="en-DK" dirty="0">
                <a:sym typeface="Wingdings" pitchFamily="2" charset="2"/>
              </a:rPr>
              <a:t></a:t>
            </a:r>
            <a:r>
              <a:rPr lang="en-DK" dirty="0"/>
              <a:t> sequentually finding neighbors that minimze the total length of the tree. </a:t>
            </a:r>
          </a:p>
          <a:p>
            <a:endParaRPr lang="en-DK" dirty="0"/>
          </a:p>
          <a:p>
            <a:pPr lvl="1">
              <a:buFont typeface="Wingdings" pitchFamily="2" charset="2"/>
              <a:buChar char="à"/>
            </a:pPr>
            <a:r>
              <a:rPr lang="en-DK" dirty="0"/>
              <a:t> Start with star </a:t>
            </a:r>
            <a:r>
              <a:rPr lang="en-DK" dirty="0">
                <a:sym typeface="Wingdings" pitchFamily="2" charset="2"/>
              </a:rPr>
              <a:t></a:t>
            </a:r>
            <a:r>
              <a:rPr lang="en-DK" dirty="0"/>
              <a:t> you add a branching and see how the total tree length is still the shortest.</a:t>
            </a:r>
          </a:p>
          <a:p>
            <a:pPr lvl="1">
              <a:buFont typeface="Wingdings" pitchFamily="2" charset="2"/>
              <a:buChar char="à"/>
            </a:pPr>
            <a:r>
              <a:rPr lang="en-DK" dirty="0"/>
              <a:t> Continued until all the internal branches are found.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1FF9DFB-E8DE-B291-4859-B60A6CFF61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FD7345-9C58-504F-915C-792D2E21E09A}" type="datetime1">
              <a:rPr lang="en-GB" smtClean="0"/>
              <a:t>02/09/2025</a:t>
            </a:fld>
            <a:endParaRPr lang="en-GB" dirty="0"/>
          </a:p>
        </p:txBody>
      </p:sp>
      <p:pic>
        <p:nvPicPr>
          <p:cNvPr id="6" name="Picture 5" descr="A diagram of a star formation&#10;&#10;AI-generated content may be incorrect.">
            <a:extLst>
              <a:ext uri="{FF2B5EF4-FFF2-40B4-BE49-F238E27FC236}">
                <a16:creationId xmlns:a16="http://schemas.microsoft.com/office/drawing/2014/main" id="{A947B86C-2D36-EA85-A0F6-C8DDEE95831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14492" y="2058855"/>
            <a:ext cx="5211470" cy="4340344"/>
          </a:xfrm>
          <a:prstGeom prst="rect">
            <a:avLst/>
          </a:prstGeom>
        </p:spPr>
      </p:pic>
      <p:sp>
        <p:nvSpPr>
          <p:cNvPr id="7" name="Oval 6">
            <a:extLst>
              <a:ext uri="{FF2B5EF4-FFF2-40B4-BE49-F238E27FC236}">
                <a16:creationId xmlns:a16="http://schemas.microsoft.com/office/drawing/2014/main" id="{1379145E-1FA3-2F81-CF0B-7BBED4B6AA5E}"/>
              </a:ext>
            </a:extLst>
          </p:cNvPr>
          <p:cNvSpPr/>
          <p:nvPr/>
        </p:nvSpPr>
        <p:spPr bwMode="auto">
          <a:xfrm>
            <a:off x="8398668" y="2276872"/>
            <a:ext cx="432048" cy="432048"/>
          </a:xfrm>
          <a:prstGeom prst="ellipse">
            <a:avLst/>
          </a:prstGeom>
          <a:noFill/>
          <a:ln w="1905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983E509-DCDF-715B-D741-738D432061D9}"/>
              </a:ext>
            </a:extLst>
          </p:cNvPr>
          <p:cNvSpPr/>
          <p:nvPr/>
        </p:nvSpPr>
        <p:spPr bwMode="auto">
          <a:xfrm>
            <a:off x="8542684" y="3385095"/>
            <a:ext cx="432048" cy="432048"/>
          </a:xfrm>
          <a:prstGeom prst="ellipse">
            <a:avLst/>
          </a:prstGeom>
          <a:noFill/>
          <a:ln w="1905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F3D4CC6-11F8-6C25-A8FA-11A28329B07A}"/>
              </a:ext>
            </a:extLst>
          </p:cNvPr>
          <p:cNvSpPr/>
          <p:nvPr/>
        </p:nvSpPr>
        <p:spPr bwMode="auto">
          <a:xfrm>
            <a:off x="7989857" y="4332631"/>
            <a:ext cx="432048" cy="432048"/>
          </a:xfrm>
          <a:prstGeom prst="ellipse">
            <a:avLst/>
          </a:prstGeom>
          <a:noFill/>
          <a:ln w="1905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215428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566864"/>
</p:tagLst>
</file>

<file path=ppt/theme/theme1.xml><?xml version="1.0" encoding="utf-8"?>
<a:theme xmlns:a="http://schemas.openxmlformats.org/drawingml/2006/main" name="AU 16:9">
  <a:themeElements>
    <a:clrScheme name="01 AU 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4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,{"distinct":false,"hideIfNoUserInteractionRequired":false,"required":false,"defaultValue":"Blå","autoSelectFirstOption":false,"helpTexts":{},"spacing":{},"shareValue":false,"type":"dropDown","dataSourceName":"ColorThemePowerPoint","dataSourceFieldName":"Name","name":"ChooseColorTheme","label":"Choose Color theme"}],"formDataEntries":[{"name":"Date","value":"sMH579O4nOhZrxGehLcZHA=="},{"name":"EventOccasion","value":"nc4mscDwL8d0XvXCs6AkBROfBtnANHYiuRkxvF4ouiY="},{"name":"ChooseColorTheme","value":"XmRlVpWiose5Rf1eG6aJznCjkbXXnh6o3o1+21OmFqQ="}]}]]></TemplafyFormConfiguration>
</file>

<file path=customXml/item2.xml><?xml version="1.0" encoding="utf-8"?>
<TemplafyTemplateConfiguration><![CDATA[{"elementsMetadata":[{"type":"shape","id":"e9ec1846-fc70-4b1f-91d1-af31a7ef0312","elementConfiguration":{"binding":"{{FormatDateTime(Form.Date, \"d. MMMM yyyy\")}}","visibility":"","type":"text","disableUpdates":false}},{"type":"shape","id":"6b5290eb-2f43-4d9e-9d6d-e0daf52783fe","elementConfiguration":{"binding":"{{Form.EventOccasion}}","visibility":"","type":"text","disableUpdates":false}},{"type":"shape","id":"77b6b9a6-262d-4793-baa6-9017e23b17f8","elementConfiguration":{"binding":"{{UserProfile.Title}}","visibility":"","type":"text","disableUpdates":false}},{"type":"shape","id":"ddceb61f-142b-4271-810f-7e88745c4f6a","elementConfiguration":{"binding":"{{UserProfile.Name}}","visibility":"","type":"text","disableUpdates":false}},{"type":"shape","id":"f3841f7a-f501-4eb1-a69e-e9c157c99b09","elementConfiguration":{"inheritDimensions":"{{InheritDimensions.InheritNone}}","width":"4.61 cm","height":"1.55 cm","image":"{{UserProfile.UnitId.ExtraLogoRef.ImageRightAlignedRef.ImageFile}}","visibility":"","type":"image","disableUpdates":false}},{"type":"shape","id":"5d3e756c-a45e-4103-adbe-cc33deb505f2","elementConfiguration":{"binding":"{{UserProfile.UnitId.Logo2}}","visibility":"","type":"text","disableUpdates":false}},{"type":"shape","id":"8014843d-a4f2-4a18-9d55-4244c2438944","elementConfiguration":{"binding":"{{UserProfile.UnitId.Logo1PowerPoint}}","visibility":"","type":"text","disableUpdates":false}},{"type":"shape","id":"55f0c831-472c-4ea8-a2d3-a82f5c3f56e5","elementConfiguration":{"binding":"{{FormatDateTime(Form.Date, \"d. MMMM yyyy\")}}","visibility":"","type":"text","disableUpdates":false}},{"type":"shape","id":"01b11b71-f2cf-4e2c-b0aa-4b7989ae3a72","elementConfiguration":{"binding":"{{Form.EventOccasion}}","visibility":"","type":"text","disableUpdates":false}},{"type":"shape","id":"737fd2d9-3b18-4e59-b346-afd0d77dcaf4","elementConfiguration":{"inheritDimensions":"{{InheritDimensions.InheritNone}}","width":"4.61 cm","height":"1.55 cm","image":"{{UserProfile.UnitId.ExtraLogoRef.ImageRightAlignedNegRef.ImageFile}}","visibility":"","type":"image","disableUpdates":false}},{"type":"shape","id":"5c16850b-acca-41ad-90ce-6258473781ed","elementConfiguration":{"binding":"{{UserProfile.UnitId.Logo2}}","visibility":"","type":"text","disableUpdates":false}},{"type":"shape","id":"61e5ac26-aaa0-41b8-b9ef-24517992f922","elementConfiguration":{"binding":"{{UserProfile.UnitId.Logo1PowerPoint}}","visibility":"","type":"text","disableUpdates":false}},{"type":"shape","id":"2c684135-db69-4f0e-9fe7-3a596ecae385","elementConfiguration":{"binding":"{{FormatDateTime(Form.Date, \"d. MMMM yyyy\")}}","visibility":"","type":"text","disableUpdates":false}},{"type":"shape","id":"3ee97908-9ccf-48e4-98de-f350b9070093","elementConfiguration":{"binding":"{{Form.EventOccasion}}","visibility":"","type":"text","disableUpdates":false}},{"type":"shape","id":"c8f57c57-7036-47ae-b450-ec78adde0417","elementConfiguration":{"binding":"{{UserProfile.Name}}","visibility":"","type":"text","disableUpdates":false}},{"type":"shape","id":"93c8e9c1-78e3-49d0-86be-449bf740dd4a","elementConfiguration":{"inheritDimensions":"{{InheritDimensions.InheritNone}}","width":"4.61 cm","height":"1.55 cm","image":"{{UserProfile.UnitId.ExtraLogoRef.ImageRightAlignedNegRef.ImageFile}}","visibility":"","type":"image","disableUpdates":false}},{"type":"shape","id":"11d7d205-bebf-4777-9e15-31e97c841017","elementConfiguration":{"binding":"{{UserProfile.UnitId.Logo2}}","visibility":"","type":"text","disableUpdates":false}},{"type":"shape","id":"76d04571-8026-4f99-88bb-c69190fbd3a4","elementConfiguration":{"binding":"{{UserProfile.UnitId.Logo1PowerPoint}}","visibility":"","type":"text","disableUpdates":false}},{"type":"shape","id":"49f7d88b-62d3-4675-aa80-11fd0206803f","elementConfiguration":{"binding":"{{UserProfile.UnitId.Logo1PowerPoint}}","visibility":"","type":"text","disableUpdates":false}},{"type":"shape","id":"c6994d15-c970-4e13-bd74-b7c999269f69","elementConfiguration":{"binding":"{{FormatDateTime(Form.Date, \"d. MMMM yyyy\")}}","visibility":"","type":"text","disableUpdates":false}},{"type":"shape","id":"2f5f9d71-c345-4166-8c91-f92dfa0eb233","elementConfiguration":{"binding":"{{Form.EventOccasion}}","visibility":"","type":"text","disableUpdates":false}},{"type":"shape","id":"ed32747e-8f98-4606-8227-0f558c8d3c9e","elementConfiguration":{"binding":"{{UserProfile.Title}}","visibility":"","type":"text","disableUpdates":false}},{"type":"shape","id":"ecef74ea-3866-489e-8d84-38ea867fca93","elementConfiguration":{"binding":"{{UserProfile.Name}}","visibility":"","type":"text","disableUpdates":false}},{"type":"shape","id":"871e7502-b533-4f94-b823-79f7ab2f22ac","elementConfiguration":{"inheritDimensions":"{{InheritDimensions.InheritNone}}","width":"4.61 cm","height":"1.55 cm","image":"{{UserProfile.UnitId.ExtraLogoRef.ImageRightAlignedNegRef.ImageFile}}","visibility":"","type":"image","disableUpdates":false}},{"type":"shape","id":"18757dc8-73f1-47b8-946c-b7cbc5220d75","elementConfiguration":{"binding":"{{UserProfile.UnitId.Logo2}}","visibility":"","type":"text","disableUpdates":false}},{"type":"shape","id":"7abe370c-f80b-4a32-ac09-fd30583077e1","elementConfiguration":{"binding":"{{UserProfile.UnitId.Logo1PowerPoint}}","visibility":"","type":"text","disableUpdates":false}}],"transformationConfigurations":[{"language":"{{DocumentLanguage}}","disableUpdates":false,"type":"proofingLanguage"},{"colorTheme":"{{Form.ChooseColorTheme.ColorThemeRef.ColorTheme}}","disableUpdates":false,"originalColorThemeXml":"<a:clrScheme name=\"01 AU Blue\" xmlns:a=\"http://schemas.openxmlformats.org/drawingml/2006/main\"><a:dk1><a:srgbClr val=\"000000\" /></a:dk1><a:lt1><a:srgbClr val=\"FFFFFF\" /></a:lt1><a:dk2><a:srgbClr val=\"002546\" /></a:dk2><a:lt2><a:srgbClr val=\"002546\" /></a:lt2><a:accent1><a:srgbClr val=\"0A144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PowerPoint skabelon","templateDescription":"PowerPoint template 16:9 (convertible to 16:10 or 4:3)","enableDocumentContentUpdater":true,"version":"2.0"}]]></Templafy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FormatDateTime(Form.Date, \"d. MMMM yyyy\")}}","visibility":"","type":"text","disableUpdates":false}},{"type":"shape","elementConfiguration":{"binding":"{{Form.EventOccasion}}","visibility":"","type":"text","disableUpdates":false}},{"type":"shape","elementConfiguration":{"binding":"{{UserProfile.Title}}","visibility":"","type":"text","disableUpdates":false}},{"type":"shape","elementConfiguration":{"binding":"{{UserProfile.Name}}","visibility":"","type":"text","disableUpdates":false}},{"type":"shape","elementConfiguration":{"inheritDimensions":"{{InheritDimensions.InheritNone}}","width":"4.61 cm","height":"1.55 cm","image":"{{UserProfile.UnitId.ExtraLogoRef.ImageRightAlignedNegRef.ImageFile}}","visibility":"","type":"image","disableUpdates":false}},{"type":"shape","elementConfiguration":{"binding":"{{UserProfile.UnitId.Logo2}}","visibility":"","type":"text","disableUpdates":false}},{"type":"shape","elementConfiguration":{"binding":"{{UserProfile.UnitId.Logo1PowerPoint}}","visibility":"","type":"text","disableUpdates":false}}],"slideId":"638344221284623770","enableDocumentContentUpdater":false,"version":"2.0"}]]></TemplafySlideTemplateConfiguration>
</file>

<file path=customXml/item4.xml><?xml version="1.0" encoding="utf-8"?>
<TemplafySlide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4422128505552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UserProfile.UnitId.Logo1PowerPoint}}","visibility":"","type":"text","disableUpdates":false}}],"slideId":"63834422128517022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DA86E9B-4135-4144-9EBF-FD9F3AFEC348}">
  <ds:schemaRefs/>
</ds:datastoreItem>
</file>

<file path=customXml/itemProps2.xml><?xml version="1.0" encoding="utf-8"?>
<ds:datastoreItem xmlns:ds="http://schemas.openxmlformats.org/officeDocument/2006/customXml" ds:itemID="{AFC86994-F0FF-421B-841D-005E37E2CB9C}">
  <ds:schemaRefs/>
</ds:datastoreItem>
</file>

<file path=customXml/itemProps3.xml><?xml version="1.0" encoding="utf-8"?>
<ds:datastoreItem xmlns:ds="http://schemas.openxmlformats.org/officeDocument/2006/customXml" ds:itemID="{B2CA2D4C-0385-4D99-AB8D-7792A88C817E}">
  <ds:schemaRefs/>
</ds:datastoreItem>
</file>

<file path=customXml/itemProps4.xml><?xml version="1.0" encoding="utf-8"?>
<ds:datastoreItem xmlns:ds="http://schemas.openxmlformats.org/officeDocument/2006/customXml" ds:itemID="{7E04581C-D7FD-4482-805D-038A22FDA87B}">
  <ds:schemaRefs/>
</ds:datastoreItem>
</file>

<file path=customXml/itemProps5.xml><?xml version="1.0" encoding="utf-8"?>
<ds:datastoreItem xmlns:ds="http://schemas.openxmlformats.org/officeDocument/2006/customXml" ds:itemID="{3711B4B0-0534-4D87-9554-EE0E3A45C434}">
  <ds:schemaRefs/>
</ds:datastoreItem>
</file>

<file path=customXml/itemProps6.xml><?xml version="1.0" encoding="utf-8"?>
<ds:datastoreItem xmlns:ds="http://schemas.openxmlformats.org/officeDocument/2006/customXml" ds:itemID="{F6BDCACD-D9F5-4F4E-8192-10C1008EFFE8}">
  <ds:schemaRefs/>
</ds:datastoreItem>
</file>

<file path=customXml/itemProps7.xml><?xml version="1.0" encoding="utf-8"?>
<ds:datastoreItem xmlns:ds="http://schemas.openxmlformats.org/officeDocument/2006/customXml" ds:itemID="{F6929CAD-9C4B-4C57-B5A5-181E7E3C58CB}">
  <ds:schemaRefs/>
</ds:datastoreItem>
</file>

<file path=customXml/itemProps8.xml><?xml version="1.0" encoding="utf-8"?>
<ds:datastoreItem xmlns:ds="http://schemas.openxmlformats.org/officeDocument/2006/customXml" ds:itemID="{E6076CFF-B2D0-45B5-8D6B-A70E14E9B3D8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427</Words>
  <Application>Microsoft Macintosh PowerPoint</Application>
  <PresentationFormat>Custom</PresentationFormat>
  <Paragraphs>124</Paragraphs>
  <Slides>1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0" baseType="lpstr">
      <vt:lpstr>Arial</vt:lpstr>
      <vt:lpstr>AU Passata</vt:lpstr>
      <vt:lpstr>AU Passata Light</vt:lpstr>
      <vt:lpstr>Georgia</vt:lpstr>
      <vt:lpstr>Calibri</vt:lpstr>
      <vt:lpstr>Wingdings</vt:lpstr>
      <vt:lpstr>AU Peto</vt:lpstr>
      <vt:lpstr>AU 16:9</vt:lpstr>
      <vt:lpstr>Substitution models week 36 recap + paper discussion</vt:lpstr>
      <vt:lpstr>Primate of the  Week</vt:lpstr>
      <vt:lpstr>Nucleotide substitutions </vt:lpstr>
      <vt:lpstr>Substitution models </vt:lpstr>
      <vt:lpstr>Substitution models </vt:lpstr>
      <vt:lpstr>Different methods –      phylogenetic trees</vt:lpstr>
      <vt:lpstr>Order to build phylogenetic tree</vt:lpstr>
      <vt:lpstr>UPGMA</vt:lpstr>
      <vt:lpstr>Neighbor-joining method </vt:lpstr>
      <vt:lpstr>Maximum parsimony</vt:lpstr>
      <vt:lpstr>Friday – lecture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8-29T12:40:57Z</dcterms:created>
  <dcterms:modified xsi:type="dcterms:W3CDTF">2025-09-02T12:12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colorthemechange">
    <vt:lpwstr>true</vt:lpwstr>
  </property>
  <property fmtid="{D5CDD505-2E9C-101B-9397-08002B2CF9AE}" pid="4" name="TemplafyTimeStamp">
    <vt:lpwstr>2023-11-01T07:55:28</vt:lpwstr>
  </property>
  <property fmtid="{D5CDD505-2E9C-101B-9397-08002B2CF9AE}" pid="5" name="TemplafyTenantId">
    <vt:lpwstr>auoffice</vt:lpwstr>
  </property>
  <property fmtid="{D5CDD505-2E9C-101B-9397-08002B2CF9AE}" pid="6" name="TemplafyTemplateId">
    <vt:lpwstr>766163489789838292</vt:lpwstr>
  </property>
  <property fmtid="{D5CDD505-2E9C-101B-9397-08002B2CF9AE}" pid="7" name="TemplafyUserProfileId">
    <vt:lpwstr>1214427275229135070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